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emf" ContentType="image/x-emf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trictFirstAndLastChars="0" saveSubsetFonts="1">
  <p:sldMasterIdLst>
    <p:sldMasterId id="2147483648" r:id="rId1"/>
  </p:sldMasterIdLst>
  <p:notesMasterIdLst>
    <p:notesMasterId r:id="rId23"/>
  </p:notesMasterIdLst>
  <p:handoutMasterIdLst>
    <p:handoutMasterId r:id="rId24"/>
  </p:handoutMasterIdLst>
  <p:sldIdLst>
    <p:sldId id="256" r:id="rId2"/>
    <p:sldId id="476" r:id="rId3"/>
    <p:sldId id="518" r:id="rId4"/>
    <p:sldId id="477" r:id="rId5"/>
    <p:sldId id="506" r:id="rId6"/>
    <p:sldId id="539" r:id="rId7"/>
    <p:sldId id="540" r:id="rId8"/>
    <p:sldId id="509" r:id="rId9"/>
    <p:sldId id="514" r:id="rId10"/>
    <p:sldId id="546" r:id="rId11"/>
    <p:sldId id="541" r:id="rId12"/>
    <p:sldId id="542" r:id="rId13"/>
    <p:sldId id="530" r:id="rId14"/>
    <p:sldId id="482" r:id="rId15"/>
    <p:sldId id="543" r:id="rId16"/>
    <p:sldId id="545" r:id="rId17"/>
    <p:sldId id="513" r:id="rId18"/>
    <p:sldId id="544" r:id="rId19"/>
    <p:sldId id="533" r:id="rId20"/>
    <p:sldId id="538" r:id="rId21"/>
    <p:sldId id="534" r:id="rId22"/>
  </p:sldIdLst>
  <p:sldSz cx="12192000" cy="6858000"/>
  <p:notesSz cx="7023100" cy="9309100"/>
  <p:kinsoku lang="ja-JP" invalStChars="、。，．・：；？！゛゜ヽヾゝゞ々ー’”）〕］｝〉》」』】°‰′″℃￠％ぁぃぅぇぉっゃゅょゎァィゥェォッャュョヮヵヶ!%),.:;?]}｡｣､･ｧｨｩｪｫｬｭｮｯｰﾞﾟ" invalEndChars="‘“（〔［｛〈《「『【￥＄$([\{｢￡"/>
  <p:defaultTextStyle>
    <a:defPPr>
      <a:defRPr lang="en-GB"/>
    </a:defPPr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1pPr>
    <a:lvl2pPr marL="4572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2pPr>
    <a:lvl3pPr marL="9144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3pPr>
    <a:lvl4pPr marL="13716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4pPr>
    <a:lvl5pPr marL="18288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5pPr>
    <a:lvl6pPr marL="22860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6pPr>
    <a:lvl7pPr marL="27432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7pPr>
    <a:lvl8pPr marL="32004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8pPr>
    <a:lvl9pPr marL="36576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3552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FF0000"/>
    <a:srgbClr val="FF6600"/>
    <a:srgbClr val="0066FF"/>
    <a:srgbClr val="FFFF00"/>
    <a:srgbClr val="66FF33"/>
    <a:srgbClr val="808080"/>
    <a:srgbClr val="FFFF66"/>
    <a:srgbClr val="CC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Medium Styl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7DF18680-E054-41AD-8BC1-D1AEF772440D}" styleName="Medium Style 2 - Accent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93296810-A885-4BE3-A3E7-6D5BEEA58F35}" styleName="Medium Style 2 - Accent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00A15C55-8517-42AA-B614-E9B94910E393}" styleName="Medium Style 2 - Accent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974" autoAdjust="0"/>
    <p:restoredTop sz="95597" autoAdjust="0"/>
  </p:normalViewPr>
  <p:slideViewPr>
    <p:cSldViewPr>
      <p:cViewPr varScale="1">
        <p:scale>
          <a:sx n="89" d="100"/>
          <a:sy n="89" d="100"/>
        </p:scale>
        <p:origin x="418" y="72"/>
      </p:cViewPr>
      <p:guideLst>
        <p:guide orient="horz" pos="3552"/>
        <p:guide pos="3840"/>
      </p:guideLst>
    </p:cSldViewPr>
  </p:slideViewPr>
  <p:outlineViewPr>
    <p:cViewPr>
      <p:scale>
        <a:sx n="25" d="100"/>
        <a:sy n="25" d="100"/>
      </p:scale>
      <p:origin x="0" y="-6965"/>
    </p:cViewPr>
  </p:outlineViewPr>
  <p:notesTextViewPr>
    <p:cViewPr>
      <p:scale>
        <a:sx n="50" d="100"/>
        <a:sy n="50" d="100"/>
      </p:scale>
      <p:origin x="0" y="0"/>
    </p:cViewPr>
  </p:notesTextViewPr>
  <p:sorterViewPr>
    <p:cViewPr>
      <p:scale>
        <a:sx n="100" d="100"/>
        <a:sy n="100" d="100"/>
      </p:scale>
      <p:origin x="0" y="-709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viewProps" Target="view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handoutMaster" Target="handoutMasters/handoutMaster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notesMaster" Target="notesMasters/notesMaster1.xml"/><Relationship Id="rId28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theme" Target="theme/theme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5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430213" y="703263"/>
            <a:ext cx="6183312" cy="3479800"/>
          </a:xfrm>
          <a:prstGeom prst="rect">
            <a:avLst/>
          </a:prstGeom>
          <a:noFill/>
          <a:ln w="12700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2051" name="Rectangle 3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35038" y="4422775"/>
            <a:ext cx="5151437" cy="418782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4845" tIns="46622" rIns="94845" bIns="46622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noProof="0" smtClean="0"/>
              <a:t>Click to edit Master text styles</a:t>
            </a:r>
          </a:p>
          <a:p>
            <a:pPr lvl="0"/>
            <a:r>
              <a:rPr lang="en-GB" noProof="0" smtClean="0"/>
              <a:t>Second level</a:t>
            </a:r>
          </a:p>
          <a:p>
            <a:pPr lvl="0"/>
            <a:r>
              <a:rPr lang="en-GB" noProof="0" smtClean="0"/>
              <a:t>Third level</a:t>
            </a:r>
          </a:p>
          <a:p>
            <a:pPr lvl="0"/>
            <a:r>
              <a:rPr lang="en-GB" noProof="0" smtClean="0"/>
              <a:t>Fourth level</a:t>
            </a:r>
          </a:p>
          <a:p>
            <a:pPr lvl="0"/>
            <a:r>
              <a:rPr lang="en-GB" noProof="0" smtClean="0"/>
              <a:t>Fifth level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742950" indent="-28575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11430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6002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20574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430213" y="703263"/>
            <a:ext cx="6183312" cy="3479800"/>
          </a:xfrm>
          <a:ln/>
        </p:spPr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 altLang="en-US" smtClean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430213" y="703263"/>
            <a:ext cx="6183312" cy="3479800"/>
          </a:xfrm>
          <a:ln/>
        </p:spPr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 altLang="en-US" smtClean="0"/>
          </a:p>
        </p:txBody>
      </p:sp>
    </p:spTree>
    <p:extLst>
      <p:ext uri="{BB962C8B-B14F-4D97-AF65-F5344CB8AC3E}">
        <p14:creationId xmlns:p14="http://schemas.microsoft.com/office/powerpoint/2010/main" val="29694025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914400" y="2130426"/>
            <a:ext cx="103632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828800" y="3886200"/>
            <a:ext cx="85344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9117116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89717" y="4800600"/>
            <a:ext cx="7315200" cy="566738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389717" y="612775"/>
            <a:ext cx="73152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2389717" y="5367338"/>
            <a:ext cx="73152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71748046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14623518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856133" y="457200"/>
            <a:ext cx="2726267" cy="45720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77333" y="457200"/>
            <a:ext cx="7975600" cy="45720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07275880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8267" y="457200"/>
            <a:ext cx="10363200" cy="8001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77334" y="1657350"/>
            <a:ext cx="5350933" cy="3371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31467" y="1657350"/>
            <a:ext cx="5350933" cy="3371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1172635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4000" b="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342900" indent="-342900">
              <a:buFontTx/>
              <a:buBlip>
                <a:blip r:embed="rId2"/>
              </a:buBlip>
              <a:defRPr/>
            </a:lvl1pPr>
            <a:lvl2pPr marL="742950" indent="-285750">
              <a:buFontTx/>
              <a:buBlip>
                <a:blip r:embed="rId2"/>
              </a:buBlip>
              <a:defRPr/>
            </a:lvl2pPr>
            <a:lvl3pPr marL="1143000" indent="-228600">
              <a:buFontTx/>
              <a:buBlip>
                <a:blip r:embed="rId2"/>
              </a:buBlip>
              <a:defRPr/>
            </a:lvl3pPr>
            <a:lvl4pPr marL="1600200" indent="-228600">
              <a:buFontTx/>
              <a:buBlip>
                <a:blip r:embed="rId2"/>
              </a:buBlip>
              <a:defRPr/>
            </a:lvl4pPr>
            <a:lvl5pPr marL="2057400" indent="-228600">
              <a:buFontTx/>
              <a:buBlip>
                <a:blip r:embed="rId2"/>
              </a:buBlip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7201297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63084" y="4406901"/>
            <a:ext cx="103632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963084" y="2906713"/>
            <a:ext cx="103632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97329458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nl-NL"/>
          </a:p>
        </p:txBody>
      </p:sp>
    </p:spTree>
    <p:extLst>
      <p:ext uri="{BB962C8B-B14F-4D97-AF65-F5344CB8AC3E}">
        <p14:creationId xmlns:p14="http://schemas.microsoft.com/office/powerpoint/2010/main" val="267282383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77334" y="1657350"/>
            <a:ext cx="5350933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31467" y="1657350"/>
            <a:ext cx="5350933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4091940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09600" y="1535113"/>
            <a:ext cx="5386917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09600" y="2174875"/>
            <a:ext cx="5386917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93368" y="1535113"/>
            <a:ext cx="5389033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93368" y="2174875"/>
            <a:ext cx="5389033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0959495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4000" b="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7724788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39105973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1" y="273050"/>
            <a:ext cx="4011084" cy="1162050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766733" y="273051"/>
            <a:ext cx="6815667" cy="5853113"/>
          </a:xfrm>
        </p:spPr>
        <p:txBody>
          <a:bodyPr/>
          <a:lstStyle>
            <a:lvl1pPr marL="342900" indent="-342900">
              <a:buFont typeface="Wingdings" panose="05000000000000000000" pitchFamily="2" charset="2"/>
              <a:buChar char="§"/>
              <a:defRPr sz="3200"/>
            </a:lvl1pPr>
            <a:lvl2pPr marL="742950" indent="-285750">
              <a:buClr>
                <a:schemeClr val="accent1"/>
              </a:buClr>
              <a:buFont typeface="Wingdings" panose="05000000000000000000" pitchFamily="2" charset="2"/>
              <a:buChar char="§"/>
              <a:defRPr sz="2800"/>
            </a:lvl2pPr>
            <a:lvl3pPr marL="12573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400"/>
            </a:lvl3pPr>
            <a:lvl4pPr marL="17145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000"/>
            </a:lvl4pPr>
            <a:lvl5pPr marL="21717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09601" y="1435101"/>
            <a:ext cx="4011084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16204588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948267" y="457200"/>
            <a:ext cx="10363200" cy="800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b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77333" y="1657350"/>
            <a:ext cx="10905067" cy="3371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ext styles</a:t>
            </a:r>
          </a:p>
          <a:p>
            <a:pPr lvl="1"/>
            <a:r>
              <a:rPr lang="en-GB" altLang="en-US" smtClean="0"/>
              <a:t>Second level</a:t>
            </a:r>
          </a:p>
          <a:p>
            <a:pPr lvl="2"/>
            <a:r>
              <a:rPr lang="en-GB" altLang="en-US" smtClean="0"/>
              <a:t>Third level</a:t>
            </a:r>
          </a:p>
          <a:p>
            <a:pPr lvl="3"/>
            <a:r>
              <a:rPr lang="en-GB" altLang="en-US" smtClean="0"/>
              <a:t>Fourth level</a:t>
            </a:r>
          </a:p>
          <a:p>
            <a:pPr lvl="4"/>
            <a:r>
              <a:rPr lang="en-GB" altLang="en-US" smtClean="0"/>
              <a:t>Fifth level </a:t>
            </a:r>
          </a:p>
        </p:txBody>
      </p:sp>
      <p:sp>
        <p:nvSpPr>
          <p:cNvPr id="1028" name="Rectangle 5"/>
          <p:cNvSpPr>
            <a:spLocks noChangeArrowheads="1"/>
          </p:cNvSpPr>
          <p:nvPr/>
        </p:nvSpPr>
        <p:spPr bwMode="auto">
          <a:xfrm>
            <a:off x="4199467" y="6457950"/>
            <a:ext cx="3860800" cy="171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ctr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  <a:cs typeface="+mn-cs"/>
              </a:rPr>
              <a:t>Fred Hartjes</a:t>
            </a:r>
          </a:p>
        </p:txBody>
      </p:sp>
      <p:sp>
        <p:nvSpPr>
          <p:cNvPr id="1029" name="Rectangle 6"/>
          <p:cNvSpPr>
            <a:spLocks noChangeArrowheads="1"/>
          </p:cNvSpPr>
          <p:nvPr/>
        </p:nvSpPr>
        <p:spPr bwMode="auto">
          <a:xfrm>
            <a:off x="8940800" y="6229350"/>
            <a:ext cx="25400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pPr algn="r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</a:rPr>
              <a:t> </a:t>
            </a:r>
            <a:fld id="{50F9948D-FA28-478D-A82E-F93DDFBE36D5}" type="slidenum">
              <a:rPr lang="en-GB" altLang="en-US" sz="800" smtClean="0">
                <a:solidFill>
                  <a:schemeClr val="bg2"/>
                </a:solidFill>
              </a:rPr>
              <a:pPr algn="r">
                <a:spcBef>
                  <a:spcPct val="50000"/>
                </a:spcBef>
                <a:defRPr/>
              </a:pPr>
              <a:t>‹#›</a:t>
            </a:fld>
            <a:endParaRPr lang="en-GB" altLang="en-US" sz="800" smtClean="0">
              <a:solidFill>
                <a:schemeClr val="bg2"/>
              </a:solidFill>
            </a:endParaRPr>
          </a:p>
        </p:txBody>
      </p:sp>
      <p:sp>
        <p:nvSpPr>
          <p:cNvPr id="1030" name="Rectangle 8"/>
          <p:cNvSpPr>
            <a:spLocks noChangeArrowheads="1"/>
          </p:cNvSpPr>
          <p:nvPr/>
        </p:nvSpPr>
        <p:spPr bwMode="auto">
          <a:xfrm>
            <a:off x="551384" y="6382866"/>
            <a:ext cx="4906061" cy="24531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>
              <a:spcBef>
                <a:spcPct val="50000"/>
              </a:spcBef>
              <a:defRPr/>
            </a:pPr>
            <a:r>
              <a:rPr lang="en-GB" altLang="en-US" sz="800" dirty="0" smtClean="0">
                <a:solidFill>
                  <a:schemeClr val="bg2"/>
                </a:solidFill>
                <a:cs typeface="+mn-cs"/>
              </a:rPr>
              <a:t> </a:t>
            </a:r>
            <a:r>
              <a:rPr lang="en-GB" altLang="en-US" sz="800" dirty="0" smtClean="0">
                <a:solidFill>
                  <a:schemeClr val="tx1"/>
                </a:solidFill>
                <a:cs typeface="+mn-cs"/>
              </a:rPr>
              <a:t>LC</a:t>
            </a:r>
            <a:r>
              <a:rPr lang="en-GB" altLang="en-US" sz="800" dirty="0" smtClean="0">
                <a:cs typeface="+mn-cs"/>
              </a:rPr>
              <a:t>TPC Meeting </a:t>
            </a:r>
            <a:r>
              <a:rPr lang="en-GB" altLang="en-US" sz="800" dirty="0" err="1" smtClean="0">
                <a:cs typeface="+mn-cs"/>
              </a:rPr>
              <a:t>Desy</a:t>
            </a:r>
            <a:r>
              <a:rPr lang="en-GB" altLang="en-US" sz="800" dirty="0" smtClean="0">
                <a:cs typeface="+mn-cs"/>
              </a:rPr>
              <a:t>. January 9, 2019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61" r:id="rId4"/>
    <p:sldLayoutId id="2147483652" r:id="rId5"/>
    <p:sldLayoutId id="2147483653" r:id="rId6"/>
    <p:sldLayoutId id="2147483654" r:id="rId7"/>
    <p:sldLayoutId id="2147483655" r:id="rId8"/>
    <p:sldLayoutId id="2147483656" r:id="rId9"/>
    <p:sldLayoutId id="2147483657" r:id="rId10"/>
    <p:sldLayoutId id="2147483658" r:id="rId11"/>
    <p:sldLayoutId id="2147483659" r:id="rId12"/>
    <p:sldLayoutId id="2147483660" r:id="rId13"/>
  </p:sldLayoutIdLst>
  <p:timing>
    <p:tnLst>
      <p:par>
        <p:cTn id="1" dur="indefinite" restart="never" nodeType="tmRoot"/>
      </p:par>
    </p:tnLst>
  </p:timing>
  <p:txStyles>
    <p:titleStyle>
      <a:lvl1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accent1"/>
        </a:buClr>
        <a:buSzPct val="100000"/>
        <a:buFont typeface="Monotype Sorts"/>
        <a:buChar char="u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SzPct val="100000"/>
        <a:buFont typeface="Monotype Sorts"/>
        <a:buChar char="l"/>
        <a:defRPr sz="16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/>
        <a:buChar char="n"/>
        <a:defRPr sz="1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SzPct val="100000"/>
        <a:buFont typeface="Monotype Sorts"/>
        <a:buChar char="u"/>
        <a:defRPr sz="12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/>
        <a:buChar char="l"/>
        <a:defRPr sz="1000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microsoft.com/office/2007/relationships/hdphoto" Target="../media/hdphoto2.wdp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4.png"/><Relationship Id="rId5" Type="http://schemas.microsoft.com/office/2007/relationships/hdphoto" Target="../media/hdphoto3.wdp"/><Relationship Id="rId4" Type="http://schemas.openxmlformats.org/officeDocument/2006/relationships/image" Target="../media/image23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7.png"/><Relationship Id="rId4" Type="http://schemas.openxmlformats.org/officeDocument/2006/relationships/image" Target="../media/image26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jpe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Relationship Id="rId6" Type="http://schemas.microsoft.com/office/2007/relationships/hdphoto" Target="../media/hdphoto5.wdp"/><Relationship Id="rId5" Type="http://schemas.openxmlformats.org/officeDocument/2006/relationships/image" Target="../media/image31.png"/><Relationship Id="rId4" Type="http://schemas.microsoft.com/office/2007/relationships/hdphoto" Target="../media/hdphoto4.wdp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microsoft.com/office/2007/relationships/hdphoto" Target="../media/hdphoto6.wdp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microsoft.com/office/2007/relationships/hdphoto" Target="../media/hdphoto7.wdp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microsoft.com/office/2007/relationships/hdphoto" Target="../media/hdphoto8.wdp"/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7" Type="http://schemas.openxmlformats.org/officeDocument/2006/relationships/image" Target="../media/image5.emf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oleObject" Target="../embeddings/oleObject1.bin"/><Relationship Id="rId5" Type="http://schemas.openxmlformats.org/officeDocument/2006/relationships/image" Target="../media/image8.jpeg"/><Relationship Id="rId4" Type="http://schemas.openxmlformats.org/officeDocument/2006/relationships/image" Target="../media/image7.jpe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.png"/><Relationship Id="rId4" Type="http://schemas.openxmlformats.org/officeDocument/2006/relationships/image" Target="../media/image38.png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emf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5.wmf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6" Type="http://schemas.microsoft.com/office/2007/relationships/hdphoto" Target="../media/hdphoto1.wdp"/><Relationship Id="rId5" Type="http://schemas.openxmlformats.org/officeDocument/2006/relationships/image" Target="../media/image21.png"/><Relationship Id="rId4" Type="http://schemas.openxmlformats.org/officeDocument/2006/relationships/image" Target="../media/image20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4"/>
          <p:cNvSpPr>
            <a:spLocks noGrp="1" noChangeArrowheads="1"/>
          </p:cNvSpPr>
          <p:nvPr>
            <p:ph type="ctrTitle"/>
          </p:nvPr>
        </p:nvSpPr>
        <p:spPr>
          <a:xfrm>
            <a:off x="2999656" y="291480"/>
            <a:ext cx="6408712" cy="1080120"/>
          </a:xfrm>
        </p:spPr>
        <p:txBody>
          <a:bodyPr anchor="ctr"/>
          <a:lstStyle/>
          <a:p>
            <a:r>
              <a:rPr lang="en-GB" altLang="en-US" sz="3600" b="0" dirty="0" smtClean="0"/>
              <a:t>QUAD and Module Building, Cooling and Electronics</a:t>
            </a:r>
          </a:p>
        </p:txBody>
      </p:sp>
      <p:sp>
        <p:nvSpPr>
          <p:cNvPr id="3076" name="Rectangle 6"/>
          <p:cNvSpPr>
            <a:spLocks noGrp="1" noChangeArrowheads="1"/>
          </p:cNvSpPr>
          <p:nvPr>
            <p:ph type="subTitle" idx="1"/>
          </p:nvPr>
        </p:nvSpPr>
        <p:spPr>
          <a:xfrm>
            <a:off x="1187562" y="2104124"/>
            <a:ext cx="4248472" cy="3301700"/>
          </a:xfrm>
        </p:spPr>
        <p:txBody>
          <a:bodyPr/>
          <a:lstStyle/>
          <a:p>
            <a:pPr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3200" dirty="0" smtClean="0"/>
              <a:t>Fred </a:t>
            </a:r>
            <a:r>
              <a:rPr lang="en-GB" altLang="en-US" sz="3200" dirty="0" err="1" smtClean="0"/>
              <a:t>Hartjes</a:t>
            </a:r>
            <a:endParaRPr lang="en-GB" altLang="en-US" sz="3200" dirty="0"/>
          </a:p>
          <a:p>
            <a:pPr indent="-457200">
              <a:lnSpc>
                <a:spcPct val="120000"/>
              </a:lnSpc>
              <a:spcBef>
                <a:spcPct val="0"/>
              </a:spcBef>
              <a:defRPr/>
            </a:pPr>
            <a:endParaRPr lang="en-GB" altLang="en-US" sz="2400" dirty="0" smtClean="0"/>
          </a:p>
          <a:p>
            <a:pPr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2400" dirty="0" smtClean="0"/>
              <a:t>On behalf of</a:t>
            </a:r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2400" dirty="0" err="1" smtClean="0"/>
              <a:t>Nikhef</a:t>
            </a:r>
            <a:endParaRPr lang="en-GB" altLang="en-US" sz="2400" dirty="0" smtClean="0"/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2400" dirty="0" smtClean="0"/>
              <a:t>and</a:t>
            </a:r>
            <a:r>
              <a:rPr lang="en-GB" altLang="en-US" sz="2400" b="1" dirty="0" smtClean="0"/>
              <a:t> </a:t>
            </a:r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2400" dirty="0" err="1" smtClean="0"/>
              <a:t>Physikalisches</a:t>
            </a:r>
            <a:r>
              <a:rPr lang="en-GB" altLang="en-US" sz="2400" dirty="0" smtClean="0"/>
              <a:t> </a:t>
            </a:r>
            <a:r>
              <a:rPr lang="en-GB" altLang="en-US" sz="2400" dirty="0" err="1" smtClean="0"/>
              <a:t>Institut</a:t>
            </a:r>
            <a:endParaRPr lang="en-GB" altLang="en-US" sz="2400" dirty="0"/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2400" dirty="0" err="1" smtClean="0"/>
              <a:t>Universität</a:t>
            </a:r>
            <a:r>
              <a:rPr lang="en-GB" altLang="en-US" sz="2400" dirty="0" smtClean="0"/>
              <a:t> Bonn</a:t>
            </a:r>
          </a:p>
        </p:txBody>
      </p:sp>
      <p:sp>
        <p:nvSpPr>
          <p:cNvPr id="2" name="Text Box 8"/>
          <p:cNvSpPr txBox="1">
            <a:spLocks noChangeArrowheads="1"/>
          </p:cNvSpPr>
          <p:nvPr/>
        </p:nvSpPr>
        <p:spPr bwMode="auto">
          <a:xfrm>
            <a:off x="2927350" y="6011864"/>
            <a:ext cx="5976938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50000"/>
              </a:spcBef>
              <a:buFont typeface="Monotype Sorts"/>
              <a:buNone/>
            </a:pPr>
            <a:r>
              <a:rPr lang="en-GB" altLang="en-US" sz="1600" i="1" dirty="0" smtClean="0"/>
              <a:t>LCTPC Meeting. </a:t>
            </a:r>
            <a:r>
              <a:rPr lang="en-GB" altLang="en-US" sz="1600" i="1" dirty="0" err="1" smtClean="0"/>
              <a:t>Desy</a:t>
            </a:r>
            <a:r>
              <a:rPr lang="en-GB" altLang="en-US" sz="1600" i="1" dirty="0" smtClean="0"/>
              <a:t>, January 9, 2019</a:t>
            </a:r>
            <a:endParaRPr lang="en-GB" altLang="en-US" sz="1600" i="1" dirty="0"/>
          </a:p>
        </p:txBody>
      </p:sp>
      <p:pic>
        <p:nvPicPr>
          <p:cNvPr id="3077" name="Picture 7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400" y="404814"/>
            <a:ext cx="2232025" cy="871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9" name="Picture 2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799" t="5901" r="5202" b="18501"/>
          <a:stretch>
            <a:fillRect/>
          </a:stretch>
        </p:blipFill>
        <p:spPr bwMode="auto">
          <a:xfrm>
            <a:off x="7115621" y="1966914"/>
            <a:ext cx="3444875" cy="38147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52384" y="480947"/>
            <a:ext cx="1865222" cy="719269"/>
          </a:xfrm>
          <a:prstGeom prst="rect">
            <a:avLst/>
          </a:prstGeom>
        </p:spPr>
      </p:pic>
    </p:spTree>
  </p:cSld>
  <p:clrMapOvr>
    <a:overrideClrMapping bg1="lt1" tx1="dk1" bg2="lt2" tx2="dk2" accent1="accent1" accent2="accent2" accent3="accent3" accent4="accent4" accent5="accent5" accent6="accent6" hlink="hlink" folHlink="folHlink"/>
  </p:clrMapOvr>
  <p:transition spd="slow"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AQ</a:t>
            </a:r>
            <a:endParaRPr lang="en-US" dirty="0"/>
          </a:p>
        </p:txBody>
      </p:sp>
      <p:pic>
        <p:nvPicPr>
          <p:cNvPr id="24" name="Content Placeholder 23"/>
          <p:cNvPicPr>
            <a:picLocks noGrp="1" noChangeAspect="1"/>
          </p:cNvPicPr>
          <p:nvPr>
            <p:ph idx="1"/>
          </p:nvPr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colorTemperature colorTemp="8800"/>
                    </a14:imgEffect>
                    <a14:imgEffect>
                      <a14:brightnessContrast brigh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10677" b="14578"/>
          <a:stretch/>
        </p:blipFill>
        <p:spPr>
          <a:xfrm>
            <a:off x="368321" y="2329753"/>
            <a:ext cx="4172793" cy="2339207"/>
          </a:xfrm>
        </p:spPr>
      </p:pic>
      <p:sp>
        <p:nvSpPr>
          <p:cNvPr id="5" name="TextBox 4"/>
          <p:cNvSpPr txBox="1"/>
          <p:nvPr/>
        </p:nvSpPr>
        <p:spPr>
          <a:xfrm>
            <a:off x="1127448" y="2186702"/>
            <a:ext cx="2935419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000" dirty="0" smtClean="0"/>
              <a:t>SPIDR board</a:t>
            </a:r>
            <a:endParaRPr lang="en-US" sz="4000" dirty="0"/>
          </a:p>
        </p:txBody>
      </p:sp>
      <p:sp>
        <p:nvSpPr>
          <p:cNvPr id="7" name="TextBox 6"/>
          <p:cNvSpPr txBox="1"/>
          <p:nvPr/>
        </p:nvSpPr>
        <p:spPr>
          <a:xfrm>
            <a:off x="5231904" y="1830803"/>
            <a:ext cx="286328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000" dirty="0" smtClean="0"/>
              <a:t>Concentrator</a:t>
            </a:r>
            <a:endParaRPr lang="en-US" sz="4000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0800000">
            <a:off x="5231904" y="2609436"/>
            <a:ext cx="2723795" cy="2042846"/>
          </a:xfrm>
          <a:prstGeom prst="rect">
            <a:avLst/>
          </a:prstGeom>
        </p:spPr>
      </p:pic>
      <p:grpSp>
        <p:nvGrpSpPr>
          <p:cNvPr id="13" name="Group 12"/>
          <p:cNvGrpSpPr/>
          <p:nvPr/>
        </p:nvGrpSpPr>
        <p:grpSpPr>
          <a:xfrm>
            <a:off x="9874662" y="162249"/>
            <a:ext cx="1477067" cy="6641327"/>
            <a:chOff x="9483894" y="21685"/>
            <a:chExt cx="1477067" cy="6641327"/>
          </a:xfrm>
        </p:grpSpPr>
        <p:pic>
          <p:nvPicPr>
            <p:cNvPr id="9" name="Picture 2"/>
            <p:cNvPicPr>
              <a:picLocks noChangeAspect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99" t="5901" r="5202" b="18501"/>
            <a:stretch>
              <a:fillRect/>
            </a:stretch>
          </p:blipFill>
          <p:spPr bwMode="auto">
            <a:xfrm>
              <a:off x="9483894" y="1690239"/>
              <a:ext cx="1477067" cy="163566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0" name="Picture 2"/>
            <p:cNvPicPr>
              <a:picLocks noChangeAspect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99" t="5901" r="5202" b="18501"/>
            <a:stretch>
              <a:fillRect/>
            </a:stretch>
          </p:blipFill>
          <p:spPr bwMode="auto">
            <a:xfrm>
              <a:off x="9483894" y="3358793"/>
              <a:ext cx="1477067" cy="163566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1" name="Picture 2"/>
            <p:cNvPicPr>
              <a:picLocks noChangeAspect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99" t="5901" r="5202" b="18501"/>
            <a:stretch>
              <a:fillRect/>
            </a:stretch>
          </p:blipFill>
          <p:spPr bwMode="auto">
            <a:xfrm>
              <a:off x="9483894" y="5027347"/>
              <a:ext cx="1477067" cy="163566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2" name="Picture 2"/>
            <p:cNvPicPr>
              <a:picLocks noChangeAspect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99" t="5901" r="5202" b="18501"/>
            <a:stretch>
              <a:fillRect/>
            </a:stretch>
          </p:blipFill>
          <p:spPr bwMode="auto">
            <a:xfrm>
              <a:off x="9483894" y="21685"/>
              <a:ext cx="1477067" cy="163566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pSp>
        <p:nvGrpSpPr>
          <p:cNvPr id="18" name="Group 17"/>
          <p:cNvGrpSpPr/>
          <p:nvPr/>
        </p:nvGrpSpPr>
        <p:grpSpPr>
          <a:xfrm>
            <a:off x="8133961" y="1120757"/>
            <a:ext cx="1918675" cy="2344266"/>
            <a:chOff x="8133961" y="1120757"/>
            <a:chExt cx="1918675" cy="2344266"/>
          </a:xfrm>
        </p:grpSpPr>
        <p:cxnSp>
          <p:nvCxnSpPr>
            <p:cNvPr id="15" name="Straight Connector 14"/>
            <p:cNvCxnSpPr/>
            <p:nvPr/>
          </p:nvCxnSpPr>
          <p:spPr bwMode="auto">
            <a:xfrm flipH="1">
              <a:off x="8133961" y="1120757"/>
              <a:ext cx="1740701" cy="1944216"/>
            </a:xfrm>
            <a:prstGeom prst="line">
              <a:avLst/>
            </a:prstGeom>
            <a:solidFill>
              <a:schemeClr val="accent1"/>
            </a:solidFill>
            <a:ln w="5715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</p:cxnSp>
        <p:cxnSp>
          <p:nvCxnSpPr>
            <p:cNvPr id="16" name="Straight Connector 15"/>
            <p:cNvCxnSpPr/>
            <p:nvPr/>
          </p:nvCxnSpPr>
          <p:spPr bwMode="auto">
            <a:xfrm flipH="1">
              <a:off x="8184232" y="2697067"/>
              <a:ext cx="1868404" cy="767956"/>
            </a:xfrm>
            <a:prstGeom prst="line">
              <a:avLst/>
            </a:prstGeom>
            <a:solidFill>
              <a:schemeClr val="accent1"/>
            </a:solidFill>
            <a:ln w="5715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</p:cxnSp>
      </p:grpSp>
      <p:grpSp>
        <p:nvGrpSpPr>
          <p:cNvPr id="19" name="Group 18"/>
          <p:cNvGrpSpPr/>
          <p:nvPr/>
        </p:nvGrpSpPr>
        <p:grpSpPr>
          <a:xfrm flipV="1">
            <a:off x="8137765" y="3749030"/>
            <a:ext cx="1918675" cy="2344266"/>
            <a:chOff x="8133961" y="1120757"/>
            <a:chExt cx="1918675" cy="2344266"/>
          </a:xfrm>
        </p:grpSpPr>
        <p:cxnSp>
          <p:nvCxnSpPr>
            <p:cNvPr id="20" name="Straight Connector 19"/>
            <p:cNvCxnSpPr/>
            <p:nvPr/>
          </p:nvCxnSpPr>
          <p:spPr bwMode="auto">
            <a:xfrm flipH="1">
              <a:off x="8133961" y="1120757"/>
              <a:ext cx="1740701" cy="1944216"/>
            </a:xfrm>
            <a:prstGeom prst="line">
              <a:avLst/>
            </a:prstGeom>
            <a:solidFill>
              <a:schemeClr val="accent1"/>
            </a:solidFill>
            <a:ln w="5715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</p:cxnSp>
        <p:cxnSp>
          <p:nvCxnSpPr>
            <p:cNvPr id="21" name="Straight Connector 20"/>
            <p:cNvCxnSpPr/>
            <p:nvPr/>
          </p:nvCxnSpPr>
          <p:spPr bwMode="auto">
            <a:xfrm flipH="1">
              <a:off x="8184232" y="2697067"/>
              <a:ext cx="1868404" cy="767956"/>
            </a:xfrm>
            <a:prstGeom prst="line">
              <a:avLst/>
            </a:prstGeom>
            <a:solidFill>
              <a:schemeClr val="accent1"/>
            </a:solidFill>
            <a:ln w="5715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</p:cxnSp>
      </p:grpSp>
      <p:cxnSp>
        <p:nvCxnSpPr>
          <p:cNvPr id="23" name="Straight Connector 22"/>
          <p:cNvCxnSpPr/>
          <p:nvPr/>
        </p:nvCxnSpPr>
        <p:spPr bwMode="auto">
          <a:xfrm flipH="1">
            <a:off x="4439816" y="3499357"/>
            <a:ext cx="720080" cy="0"/>
          </a:xfrm>
          <a:prstGeom prst="line">
            <a:avLst/>
          </a:prstGeom>
          <a:solidFill>
            <a:schemeClr val="accent1"/>
          </a:solidFill>
          <a:ln w="5715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</p:spTree>
    <p:extLst>
      <p:ext uri="{BB962C8B-B14F-4D97-AF65-F5344CB8AC3E}">
        <p14:creationId xmlns:p14="http://schemas.microsoft.com/office/powerpoint/2010/main" val="360411396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Content Placeholder 10"/>
          <p:cNvSpPr>
            <a:spLocks noGrp="1"/>
          </p:cNvSpPr>
          <p:nvPr>
            <p:ph idx="1"/>
          </p:nvPr>
        </p:nvSpPr>
        <p:spPr>
          <a:xfrm>
            <a:off x="726599" y="980728"/>
            <a:ext cx="8178800" cy="3371850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nl-NL" altLang="nl-NL" dirty="0" smtClean="0"/>
              <a:t>Based on small production quatities (up to ~ 50)</a:t>
            </a:r>
          </a:p>
        </p:txBody>
      </p:sp>
      <p:sp>
        <p:nvSpPr>
          <p:cNvPr id="16387" name="Title 1"/>
          <p:cNvSpPr>
            <a:spLocks noGrp="1"/>
          </p:cNvSpPr>
          <p:nvPr>
            <p:ph type="title"/>
          </p:nvPr>
        </p:nvSpPr>
        <p:spPr>
          <a:xfrm>
            <a:off x="2235200" y="457200"/>
            <a:ext cx="4148138" cy="523528"/>
          </a:xfrm>
        </p:spPr>
        <p:txBody>
          <a:bodyPr/>
          <a:lstStyle/>
          <a:p>
            <a:r>
              <a:rPr lang="en-US" altLang="nl-NL" dirty="0" smtClean="0"/>
              <a:t>QUAD’s tooling</a:t>
            </a:r>
            <a:endParaRPr lang="nl-NL" altLang="nl-NL" dirty="0" smtClean="0"/>
          </a:p>
        </p:txBody>
      </p:sp>
      <p:pic>
        <p:nvPicPr>
          <p:cNvPr id="16388" name="Picture 4" descr="C:\Data\LepCol\Module concept\Alignment\Picts\20170629_133302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448" r="17564" b="10622"/>
          <a:stretch>
            <a:fillRect/>
          </a:stretch>
        </p:blipFill>
        <p:spPr bwMode="auto">
          <a:xfrm>
            <a:off x="7277101" y="3613151"/>
            <a:ext cx="2740025" cy="20685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389" name="Picture 2" descr="C:\Data\LepCol\Module concept\Alignment\picts microscope setup\20170508_092626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7436" y="2204864"/>
            <a:ext cx="5087938" cy="38164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390" name="TextBox 5"/>
          <p:cNvSpPr txBox="1">
            <a:spLocks noChangeArrowheads="1"/>
          </p:cNvSpPr>
          <p:nvPr/>
        </p:nvSpPr>
        <p:spPr bwMode="auto">
          <a:xfrm>
            <a:off x="7575550" y="5668963"/>
            <a:ext cx="2635250" cy="8302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Pickup tool for chip</a:t>
            </a:r>
          </a:p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with InGrid</a:t>
            </a:r>
            <a:endParaRPr lang="nl-NL" altLang="nl-NL"/>
          </a:p>
        </p:txBody>
      </p:sp>
      <p:sp>
        <p:nvSpPr>
          <p:cNvPr id="16391" name="TextBox 6"/>
          <p:cNvSpPr txBox="1">
            <a:spLocks noChangeArrowheads="1"/>
          </p:cNvSpPr>
          <p:nvPr/>
        </p:nvSpPr>
        <p:spPr bwMode="auto">
          <a:xfrm>
            <a:off x="1736249" y="1658764"/>
            <a:ext cx="2866222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Chip alignment jig</a:t>
            </a:r>
            <a:endParaRPr lang="nl-NL" altLang="nl-NL"/>
          </a:p>
        </p:txBody>
      </p:sp>
      <p:sp>
        <p:nvSpPr>
          <p:cNvPr id="16392" name="TextBox 8"/>
          <p:cNvSpPr txBox="1">
            <a:spLocks noChangeArrowheads="1"/>
          </p:cNvSpPr>
          <p:nvPr/>
        </p:nvSpPr>
        <p:spPr bwMode="auto">
          <a:xfrm>
            <a:off x="7575550" y="293688"/>
            <a:ext cx="1593706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 dirty="0" smtClean="0"/>
              <a:t>Gluing </a:t>
            </a:r>
            <a:r>
              <a:rPr lang="en-US" altLang="nl-NL" dirty="0"/>
              <a:t>tool</a:t>
            </a:r>
            <a:endParaRPr lang="nl-NL" altLang="nl-NL" dirty="0"/>
          </a:p>
        </p:txBody>
      </p:sp>
      <p:pic>
        <p:nvPicPr>
          <p:cNvPr id="16393" name="Picture 2" descr="C:\Data\LepCol\Module concept\Alignment\Glue jig\20170815_07481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867" t="3069" r="13339" b="3506"/>
          <a:stretch>
            <a:fillRect/>
          </a:stretch>
        </p:blipFill>
        <p:spPr bwMode="auto">
          <a:xfrm>
            <a:off x="6999289" y="755651"/>
            <a:ext cx="3424237" cy="28987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0122813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Title 1"/>
          <p:cNvSpPr>
            <a:spLocks noGrp="1"/>
          </p:cNvSpPr>
          <p:nvPr>
            <p:ph type="title"/>
          </p:nvPr>
        </p:nvSpPr>
        <p:spPr>
          <a:xfrm>
            <a:off x="6862764" y="260351"/>
            <a:ext cx="3240087" cy="595313"/>
          </a:xfrm>
        </p:spPr>
        <p:txBody>
          <a:bodyPr/>
          <a:lstStyle/>
          <a:p>
            <a:r>
              <a:rPr lang="en-GB" altLang="en-US" smtClean="0"/>
              <a:t>Chip aligment</a:t>
            </a:r>
          </a:p>
        </p:txBody>
      </p:sp>
      <p:sp>
        <p:nvSpPr>
          <p:cNvPr id="17411" name="Content Placeholder 2"/>
          <p:cNvSpPr>
            <a:spLocks noGrp="1"/>
          </p:cNvSpPr>
          <p:nvPr>
            <p:ph idx="1"/>
          </p:nvPr>
        </p:nvSpPr>
        <p:spPr>
          <a:xfrm>
            <a:off x="1847850" y="260351"/>
            <a:ext cx="4464050" cy="1941513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smtClean="0"/>
              <a:t>Semi automatic under LabVIEW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smtClean="0"/>
              <a:t>Referring the precise edges of the COCA to the bonding pads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smtClean="0"/>
              <a:t>Aimed accuracy 20 µm in X,Y and Z</a:t>
            </a:r>
          </a:p>
        </p:txBody>
      </p:sp>
      <p:pic>
        <p:nvPicPr>
          <p:cNvPr id="17412" name="Picture 2" descr="C:\Data\LepCol\meetings\Desy nov-dec 2017\20171123_135056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68588" y="1628776"/>
            <a:ext cx="6710362" cy="5033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6541155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63752" y="510152"/>
            <a:ext cx="7482880" cy="451520"/>
          </a:xfrm>
        </p:spPr>
        <p:txBody>
          <a:bodyPr/>
          <a:lstStyle/>
          <a:p>
            <a:r>
              <a:rPr lang="nl-NL" sz="4000" b="0" dirty="0" smtClean="0"/>
              <a:t>QUAD edge deformations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22816" y="376162"/>
            <a:ext cx="4338547" cy="3371850"/>
          </a:xfrm>
        </p:spPr>
        <p:txBody>
          <a:bodyPr/>
          <a:lstStyle/>
          <a:p>
            <a:r>
              <a:rPr lang="nl-NL" sz="2400" dirty="0" smtClean="0"/>
              <a:t>Last testbeam =&gt; small deformations due to</a:t>
            </a:r>
          </a:p>
          <a:p>
            <a:pPr lvl="1"/>
            <a:r>
              <a:rPr lang="nl-NL" sz="2000" dirty="0" smtClean="0"/>
              <a:t>Dead zone between chips</a:t>
            </a:r>
          </a:p>
          <a:p>
            <a:pPr lvl="1"/>
            <a:r>
              <a:rPr lang="nl-NL" sz="2000" dirty="0" smtClean="0"/>
              <a:t>Grounded region between chips</a:t>
            </a:r>
          </a:p>
          <a:p>
            <a:r>
              <a:rPr lang="nl-NL" sz="2200" dirty="0" smtClean="0"/>
              <a:t>May be corrected by fitted correction function or adding proper guard electrode </a:t>
            </a:r>
            <a:endParaRPr lang="nl-NL" sz="22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/>
          <a:srcRect t="19265"/>
          <a:stretch/>
        </p:blipFill>
        <p:spPr>
          <a:xfrm>
            <a:off x="5947544" y="1628800"/>
            <a:ext cx="6197128" cy="4526458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4201" b="1701"/>
          <a:stretch>
            <a:fillRect/>
          </a:stretch>
        </p:blipFill>
        <p:spPr bwMode="auto">
          <a:xfrm>
            <a:off x="263352" y="3200351"/>
            <a:ext cx="2159649" cy="29549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7" name="Straight Arrow Connector 6"/>
          <p:cNvCxnSpPr/>
          <p:nvPr/>
        </p:nvCxnSpPr>
        <p:spPr bwMode="auto">
          <a:xfrm flipH="1">
            <a:off x="1381295" y="3740201"/>
            <a:ext cx="385607" cy="408879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rgbClr val="FF0000"/>
            </a:solidFill>
            <a:prstDash val="solid"/>
            <a:round/>
            <a:headEnd type="none" w="med" len="med"/>
            <a:tailEnd type="triangle"/>
          </a:ln>
          <a:effectLst/>
        </p:spPr>
      </p:cxnSp>
      <p:cxnSp>
        <p:nvCxnSpPr>
          <p:cNvPr id="8" name="Straight Arrow Connector 7"/>
          <p:cNvCxnSpPr/>
          <p:nvPr/>
        </p:nvCxnSpPr>
        <p:spPr bwMode="auto">
          <a:xfrm flipH="1">
            <a:off x="1342291" y="5324752"/>
            <a:ext cx="385607" cy="408879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rgbClr val="FF0000"/>
            </a:solidFill>
            <a:prstDash val="solid"/>
            <a:round/>
            <a:headEnd type="none" w="med" len="med"/>
            <a:tailEnd type="triangle"/>
          </a:ln>
          <a:effectLst/>
        </p:spPr>
      </p:cxnSp>
      <p:sp>
        <p:nvSpPr>
          <p:cNvPr id="9" name="TextBox 8"/>
          <p:cNvSpPr txBox="1"/>
          <p:nvPr/>
        </p:nvSpPr>
        <p:spPr>
          <a:xfrm rot="19769278">
            <a:off x="7189713" y="4197777"/>
            <a:ext cx="17123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Preliminary </a:t>
            </a:r>
            <a:endParaRPr lang="en-US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bright="40000" contras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67012" t="9217" b="15205"/>
          <a:stretch/>
        </p:blipFill>
        <p:spPr>
          <a:xfrm rot="5400000">
            <a:off x="3272412" y="3326012"/>
            <a:ext cx="1718144" cy="2952328"/>
          </a:xfrm>
          <a:prstGeom prst="rect">
            <a:avLst/>
          </a:prstGeom>
        </p:spPr>
      </p:pic>
      <p:cxnSp>
        <p:nvCxnSpPr>
          <p:cNvPr id="12" name="Straight Arrow Connector 11"/>
          <p:cNvCxnSpPr/>
          <p:nvPr/>
        </p:nvCxnSpPr>
        <p:spPr bwMode="auto">
          <a:xfrm flipH="1">
            <a:off x="4159762" y="3655072"/>
            <a:ext cx="576064" cy="1250252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chemeClr val="accent1"/>
            </a:solidFill>
            <a:prstDash val="solid"/>
            <a:round/>
            <a:headEnd type="none" w="med" len="med"/>
            <a:tailEnd type="triangle"/>
          </a:ln>
          <a:effectLst/>
        </p:spPr>
      </p:cxnSp>
      <p:cxnSp>
        <p:nvCxnSpPr>
          <p:cNvPr id="18" name="Straight Connector 17"/>
          <p:cNvCxnSpPr/>
          <p:nvPr/>
        </p:nvCxnSpPr>
        <p:spPr bwMode="auto">
          <a:xfrm>
            <a:off x="4303778" y="4879208"/>
            <a:ext cx="0" cy="455592"/>
          </a:xfrm>
          <a:prstGeom prst="line">
            <a:avLst/>
          </a:prstGeom>
          <a:solidFill>
            <a:schemeClr val="accent1"/>
          </a:solidFill>
          <a:ln w="2857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19" name="Straight Connector 18"/>
          <p:cNvCxnSpPr/>
          <p:nvPr/>
        </p:nvCxnSpPr>
        <p:spPr bwMode="auto">
          <a:xfrm>
            <a:off x="4015746" y="4879208"/>
            <a:ext cx="0" cy="455592"/>
          </a:xfrm>
          <a:prstGeom prst="line">
            <a:avLst/>
          </a:prstGeom>
          <a:solidFill>
            <a:schemeClr val="accent1"/>
          </a:solidFill>
          <a:ln w="2857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22" name="Straight Connector 21"/>
          <p:cNvCxnSpPr/>
          <p:nvPr/>
        </p:nvCxnSpPr>
        <p:spPr bwMode="auto">
          <a:xfrm flipH="1">
            <a:off x="4015746" y="5095232"/>
            <a:ext cx="288032" cy="0"/>
          </a:xfrm>
          <a:prstGeom prst="line">
            <a:avLst/>
          </a:prstGeom>
          <a:solidFill>
            <a:schemeClr val="accent1"/>
          </a:solidFill>
          <a:ln w="28575" cap="flat" cmpd="sng" algn="ctr">
            <a:solidFill>
              <a:schemeClr val="accent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25" name="TextBox 24"/>
          <p:cNvSpPr txBox="1"/>
          <p:nvPr/>
        </p:nvSpPr>
        <p:spPr>
          <a:xfrm>
            <a:off x="3097948" y="3292481"/>
            <a:ext cx="227818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Grounded region</a:t>
            </a:r>
            <a:endParaRPr lang="en-US" dirty="0"/>
          </a:p>
        </p:txBody>
      </p:sp>
      <p:sp>
        <p:nvSpPr>
          <p:cNvPr id="26" name="Rectangle 25"/>
          <p:cNvSpPr/>
          <p:nvPr/>
        </p:nvSpPr>
        <p:spPr bwMode="auto">
          <a:xfrm>
            <a:off x="1271464" y="3429000"/>
            <a:ext cx="144016" cy="72008"/>
          </a:xfrm>
          <a:prstGeom prst="rect">
            <a:avLst/>
          </a:prstGeom>
          <a:noFill/>
          <a:ln w="2857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cxnSp>
        <p:nvCxnSpPr>
          <p:cNvPr id="28" name="Straight Arrow Connector 27"/>
          <p:cNvCxnSpPr/>
          <p:nvPr/>
        </p:nvCxnSpPr>
        <p:spPr bwMode="auto">
          <a:xfrm>
            <a:off x="1487488" y="3490961"/>
            <a:ext cx="1080120" cy="514103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/>
          </a:ln>
          <a:effectLst/>
        </p:spPr>
      </p:cxnSp>
    </p:spTree>
    <p:extLst>
      <p:ext uri="{BB962C8B-B14F-4D97-AF65-F5344CB8AC3E}">
        <p14:creationId xmlns:p14="http://schemas.microsoft.com/office/powerpoint/2010/main" val="37542455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Title 1"/>
          <p:cNvSpPr>
            <a:spLocks noGrp="1"/>
          </p:cNvSpPr>
          <p:nvPr>
            <p:ph type="title"/>
          </p:nvPr>
        </p:nvSpPr>
        <p:spPr>
          <a:xfrm>
            <a:off x="3288275" y="461963"/>
            <a:ext cx="6114478" cy="452437"/>
          </a:xfrm>
        </p:spPr>
        <p:txBody>
          <a:bodyPr/>
          <a:lstStyle/>
          <a:p>
            <a:pPr algn="l"/>
            <a:r>
              <a:rPr lang="en-GB" altLang="en-US" sz="4000" b="0" dirty="0" smtClean="0"/>
              <a:t>QUAD as a building block</a:t>
            </a:r>
            <a:endParaRPr lang="en-GB" altLang="en-US" sz="4000" b="0" dirty="0"/>
          </a:p>
        </p:txBody>
      </p:sp>
      <p:sp>
        <p:nvSpPr>
          <p:cNvPr id="18435" name="Content Placeholder 2"/>
          <p:cNvSpPr>
            <a:spLocks noGrp="1"/>
          </p:cNvSpPr>
          <p:nvPr>
            <p:ph idx="1"/>
          </p:nvPr>
        </p:nvSpPr>
        <p:spPr>
          <a:xfrm>
            <a:off x="48127" y="1124744"/>
            <a:ext cx="4823737" cy="1421229"/>
          </a:xfrm>
        </p:spPr>
        <p:txBody>
          <a:bodyPr/>
          <a:lstStyle/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Building blocks of </a:t>
            </a:r>
            <a:r>
              <a:rPr lang="en-GB" altLang="en-US" sz="2000" b="1" dirty="0" smtClean="0"/>
              <a:t>39.6 x 28.38 mm</a:t>
            </a:r>
            <a:endParaRPr lang="en-GB" altLang="en-US" sz="2000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endParaRPr lang="en-GB" altLang="en-US" sz="2000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Unlimited surface may be covered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Plug in QUADs into a cooled gastight mounting plate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Push them from two sides to a mechanical reference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Concentrator board to connect 4 QUADs to a single SPIDR board in progress</a:t>
            </a:r>
          </a:p>
        </p:txBody>
      </p:sp>
      <p:grpSp>
        <p:nvGrpSpPr>
          <p:cNvPr id="2" name="Group 1"/>
          <p:cNvGrpSpPr/>
          <p:nvPr/>
        </p:nvGrpSpPr>
        <p:grpSpPr>
          <a:xfrm>
            <a:off x="4953000" y="1033087"/>
            <a:ext cx="7138810" cy="5139113"/>
            <a:chOff x="5231904" y="1910708"/>
            <a:chExt cx="6008687" cy="4691063"/>
          </a:xfrm>
        </p:grpSpPr>
        <p:grpSp>
          <p:nvGrpSpPr>
            <p:cNvPr id="18436" name="Group 6"/>
            <p:cNvGrpSpPr>
              <a:grpSpLocks/>
            </p:cNvGrpSpPr>
            <p:nvPr/>
          </p:nvGrpSpPr>
          <p:grpSpPr bwMode="auto">
            <a:xfrm>
              <a:off x="5231904" y="2198046"/>
              <a:ext cx="6008687" cy="4403725"/>
              <a:chOff x="539552" y="3037048"/>
              <a:chExt cx="6008556" cy="4402484"/>
            </a:xfrm>
          </p:grpSpPr>
          <p:pic>
            <p:nvPicPr>
              <p:cNvPr id="18443" name="Picture 2" descr="C:\Data\LepCol\Module concept\recent drawings\QUAD_24Nov2017\4x3_Setup_017876_1A.jpg"/>
              <p:cNvPicPr>
                <a:picLocks noChangeAspect="1" noChangeArrowheads="1"/>
              </p:cNvPicPr>
              <p:nvPr/>
            </p:nvPicPr>
            <p:blipFill>
              <a:blip r:embed="rId3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39552" y="3037048"/>
                <a:ext cx="6008556" cy="440248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sp>
            <p:nvSpPr>
              <p:cNvPr id="18444" name="TextBox 3"/>
              <p:cNvSpPr txBox="1">
                <a:spLocks noChangeArrowheads="1"/>
              </p:cNvSpPr>
              <p:nvPr/>
            </p:nvSpPr>
            <p:spPr bwMode="auto">
              <a:xfrm rot="20109775">
                <a:off x="1827711" y="5133678"/>
                <a:ext cx="1705603" cy="304826"/>
              </a:xfrm>
              <a:prstGeom prst="rect">
                <a:avLst/>
              </a:prstGeom>
              <a:solidFill>
                <a:srgbClr val="FFFF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spcBef>
                    <a:spcPct val="20000"/>
                  </a:spcBef>
                  <a:buClr>
                    <a:schemeClr val="accent1"/>
                  </a:buClr>
                  <a:buSzPct val="100000"/>
                  <a:buFont typeface="Monotype Sorts"/>
                  <a:buChar char="u"/>
                  <a:defRPr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1pPr>
                <a:lvl2pPr marL="742950" indent="-285750">
                  <a:spcBef>
                    <a:spcPct val="20000"/>
                  </a:spcBef>
                  <a:buClr>
                    <a:schemeClr val="hlink"/>
                  </a:buClr>
                  <a:buSzPct val="100000"/>
                  <a:buFont typeface="Monotype Sorts"/>
                  <a:buChar char="l"/>
                  <a:defRPr sz="16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2pPr>
                <a:lvl3pPr marL="1143000" indent="-22860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/>
                  <a:buChar char="n"/>
                  <a:defRPr sz="14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3pPr>
                <a:lvl4pPr marL="1600200" indent="-228600">
                  <a:spcBef>
                    <a:spcPct val="20000"/>
                  </a:spcBef>
                  <a:buClr>
                    <a:schemeClr val="accent2"/>
                  </a:buClr>
                  <a:buSzPct val="100000"/>
                  <a:buFont typeface="Monotype Sorts"/>
                  <a:buChar char="u"/>
                  <a:defRPr sz="12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4pPr>
                <a:lvl5pPr marL="2057400" indent="-22860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5pPr>
                <a:lvl6pPr marL="25146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6pPr>
                <a:lvl7pPr marL="29718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7pPr>
                <a:lvl8pPr marL="34290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8pPr>
                <a:lvl9pPr marL="38862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9pPr>
              </a:lstStyle>
              <a:p>
                <a:pPr eaLnBrk="1" hangingPunct="1">
                  <a:spcBef>
                    <a:spcPct val="0"/>
                  </a:spcBef>
                  <a:buClrTx/>
                  <a:buSzTx/>
                  <a:buFontTx/>
                  <a:buNone/>
                </a:pPr>
                <a:r>
                  <a:rPr lang="en-GB" altLang="en-US" sz="1600" b="1" dirty="0" smtClean="0"/>
                  <a:t>Sensitive </a:t>
                </a:r>
                <a:r>
                  <a:rPr lang="en-GB" altLang="en-US" sz="1600" b="1" dirty="0"/>
                  <a:t>area 68.9%</a:t>
                </a:r>
              </a:p>
            </p:txBody>
          </p:sp>
        </p:grpSp>
        <p:sp>
          <p:nvSpPr>
            <p:cNvPr id="18437" name="Down Arrow 4"/>
            <p:cNvSpPr>
              <a:spLocks noChangeArrowheads="1"/>
            </p:cNvSpPr>
            <p:nvPr/>
          </p:nvSpPr>
          <p:spPr bwMode="auto">
            <a:xfrm>
              <a:off x="7014665" y="2375845"/>
              <a:ext cx="217488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8438" name="Down Arrow 12"/>
            <p:cNvSpPr>
              <a:spLocks noChangeArrowheads="1"/>
            </p:cNvSpPr>
            <p:nvPr/>
          </p:nvSpPr>
          <p:spPr bwMode="auto">
            <a:xfrm>
              <a:off x="8127503" y="2286945"/>
              <a:ext cx="215900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8439" name="Down Arrow 13"/>
            <p:cNvSpPr>
              <a:spLocks noChangeArrowheads="1"/>
            </p:cNvSpPr>
            <p:nvPr/>
          </p:nvSpPr>
          <p:spPr bwMode="auto">
            <a:xfrm>
              <a:off x="9103815" y="2198045"/>
              <a:ext cx="215900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5" name="TextBox 22"/>
            <p:cNvSpPr txBox="1">
              <a:spLocks noChangeArrowheads="1"/>
            </p:cNvSpPr>
            <p:nvPr/>
          </p:nvSpPr>
          <p:spPr bwMode="auto">
            <a:xfrm rot="21373104">
              <a:off x="6655890" y="1910708"/>
              <a:ext cx="3024188" cy="368300"/>
            </a:xfrm>
            <a:prstGeom prst="rect">
              <a:avLst/>
            </a:prstGeom>
            <a:solidFill>
              <a:schemeClr val="accent6">
                <a:lumMod val="20000"/>
                <a:lumOff val="80000"/>
              </a:schemeClr>
            </a:solidFill>
            <a:ln>
              <a:noFill/>
            </a:ln>
          </p:spPr>
          <p:txBody>
            <a:bodyPr>
              <a:spAutoFit/>
            </a:bodyPr>
            <a:lstStyle>
              <a:lvl1pPr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1pPr>
              <a:lvl2pPr marL="742950" indent="-28575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2pPr>
              <a:lvl3pPr marL="11430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3pPr>
              <a:lvl4pPr marL="16002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4pPr>
              <a:lvl5pPr marL="20574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9pPr>
            </a:lstStyle>
            <a:p>
              <a:pPr algn="ctr" eaLnBrk="1" hangingPunct="1">
                <a:defRPr/>
              </a:pPr>
              <a:r>
                <a:rPr lang="en-GB" altLang="en-US" sz="1800" b="1" dirty="0"/>
                <a:t>Cooling channels</a:t>
              </a: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nl-NL" dirty="0" err="1" smtClean="0"/>
              <a:t>Testbox</a:t>
            </a:r>
            <a:r>
              <a:rPr lang="en-US" altLang="nl-NL" dirty="0" smtClean="0"/>
              <a:t> for 2 x 4 QUADs</a:t>
            </a:r>
            <a:endParaRPr lang="nl-NL" altLang="nl-NL" dirty="0" smtClean="0"/>
          </a:p>
        </p:txBody>
      </p:sp>
      <p:sp>
        <p:nvSpPr>
          <p:cNvPr id="19459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US" altLang="nl-NL" dirty="0" smtClean="0"/>
              <a:t>Being assembled</a:t>
            </a:r>
            <a:endParaRPr lang="nl-NL" altLang="nl-NL" dirty="0" smtClean="0"/>
          </a:p>
        </p:txBody>
      </p:sp>
      <p:pic>
        <p:nvPicPr>
          <p:cNvPr id="19461" name="Picture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47728" y="1257300"/>
            <a:ext cx="7380288" cy="49498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5774298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uard structure around the QUAD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Content Placeholder 3"/>
          <p:cNvPicPr>
            <a:picLocks noChangeAspect="1"/>
          </p:cNvPicPr>
          <p:nvPr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20000" contrast="-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970" t="20712" r="7767" b="13269"/>
          <a:stretch/>
        </p:blipFill>
        <p:spPr bwMode="auto">
          <a:xfrm>
            <a:off x="2207568" y="1657928"/>
            <a:ext cx="8174990" cy="44353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907320747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5042" t="11856" r="2521" b="17556"/>
          <a:stretch/>
        </p:blipFill>
        <p:spPr>
          <a:xfrm>
            <a:off x="2207568" y="1412776"/>
            <a:ext cx="7920880" cy="4536504"/>
          </a:xfrm>
        </p:spPr>
      </p:pic>
      <p:sp>
        <p:nvSpPr>
          <p:cNvPr id="19458" name="Title 1"/>
          <p:cNvSpPr>
            <a:spLocks noGrp="1"/>
          </p:cNvSpPr>
          <p:nvPr>
            <p:ph type="title"/>
          </p:nvPr>
        </p:nvSpPr>
        <p:spPr>
          <a:xfrm>
            <a:off x="911424" y="188640"/>
            <a:ext cx="10291192" cy="800100"/>
          </a:xfrm>
        </p:spPr>
        <p:txBody>
          <a:bodyPr/>
          <a:lstStyle/>
          <a:p>
            <a:r>
              <a:rPr lang="en-US" altLang="nl-NL" sz="4000" b="0" dirty="0" smtClean="0"/>
              <a:t>Mounting plate for 8 QUADs being assembled</a:t>
            </a:r>
            <a:endParaRPr lang="nl-NL" altLang="nl-NL" sz="4000" b="0" dirty="0" smtClean="0"/>
          </a:p>
        </p:txBody>
      </p:sp>
      <p:sp>
        <p:nvSpPr>
          <p:cNvPr id="10" name="TextBox 4"/>
          <p:cNvSpPr txBox="1">
            <a:spLocks noChangeArrowheads="1"/>
          </p:cNvSpPr>
          <p:nvPr/>
        </p:nvSpPr>
        <p:spPr bwMode="auto">
          <a:xfrm rot="18809563">
            <a:off x="253559" y="2648966"/>
            <a:ext cx="3624710" cy="400110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sz="2000" dirty="0"/>
              <a:t>Guard </a:t>
            </a:r>
            <a:r>
              <a:rPr lang="en-US" altLang="nl-NL" sz="2000" dirty="0" smtClean="0"/>
              <a:t>electrodes not yet installed</a:t>
            </a:r>
            <a:endParaRPr lang="nl-NL" altLang="nl-NL" sz="2000" dirty="0"/>
          </a:p>
        </p:txBody>
      </p:sp>
      <p:cxnSp>
        <p:nvCxnSpPr>
          <p:cNvPr id="9" name="Straight Arrow Connector 8"/>
          <p:cNvCxnSpPr/>
          <p:nvPr/>
        </p:nvCxnSpPr>
        <p:spPr bwMode="auto">
          <a:xfrm flipH="1" flipV="1">
            <a:off x="3602772" y="3284984"/>
            <a:ext cx="477004" cy="3024336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accent1"/>
            </a:solidFill>
            <a:prstDash val="solid"/>
            <a:round/>
            <a:headEnd type="none" w="med" len="med"/>
            <a:tailEnd type="triangle"/>
          </a:ln>
          <a:effectLst/>
        </p:spPr>
      </p:cxnSp>
      <p:cxnSp>
        <p:nvCxnSpPr>
          <p:cNvPr id="14" name="Straight Arrow Connector 13"/>
          <p:cNvCxnSpPr/>
          <p:nvPr/>
        </p:nvCxnSpPr>
        <p:spPr bwMode="auto">
          <a:xfrm flipV="1">
            <a:off x="4133214" y="3198057"/>
            <a:ext cx="720413" cy="3175259"/>
          </a:xfrm>
          <a:prstGeom prst="straightConnector1">
            <a:avLst/>
          </a:prstGeom>
          <a:solidFill>
            <a:schemeClr val="accent1"/>
          </a:solidFill>
          <a:ln w="25400" cap="flat" cmpd="sng" algn="ctr">
            <a:solidFill>
              <a:schemeClr val="accent1"/>
            </a:solidFill>
            <a:prstDash val="solid"/>
            <a:round/>
            <a:headEnd type="none" w="med" len="med"/>
            <a:tailEnd type="triangle"/>
          </a:ln>
          <a:effectLst/>
        </p:spPr>
      </p:cxnSp>
      <p:sp>
        <p:nvSpPr>
          <p:cNvPr id="15" name="TextBox 14"/>
          <p:cNvSpPr txBox="1"/>
          <p:nvPr/>
        </p:nvSpPr>
        <p:spPr>
          <a:xfrm>
            <a:off x="3215680" y="5942881"/>
            <a:ext cx="2808312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hermal grease (outside gas volume)</a:t>
            </a:r>
            <a:endParaRPr lang="en-US" dirty="0"/>
          </a:p>
        </p:txBody>
      </p:sp>
      <p:grpSp>
        <p:nvGrpSpPr>
          <p:cNvPr id="30" name="Group 29"/>
          <p:cNvGrpSpPr/>
          <p:nvPr/>
        </p:nvGrpSpPr>
        <p:grpSpPr>
          <a:xfrm>
            <a:off x="3503712" y="2575999"/>
            <a:ext cx="4302576" cy="2246305"/>
            <a:chOff x="3503712" y="2575999"/>
            <a:chExt cx="4302576" cy="2246305"/>
          </a:xfrm>
        </p:grpSpPr>
        <p:grpSp>
          <p:nvGrpSpPr>
            <p:cNvPr id="16" name="Group 15"/>
            <p:cNvGrpSpPr/>
            <p:nvPr/>
          </p:nvGrpSpPr>
          <p:grpSpPr>
            <a:xfrm>
              <a:off x="3503712" y="2575999"/>
              <a:ext cx="2952328" cy="1065872"/>
              <a:chOff x="3503712" y="2575999"/>
              <a:chExt cx="2952328" cy="1065872"/>
            </a:xfrm>
          </p:grpSpPr>
          <p:sp>
            <p:nvSpPr>
              <p:cNvPr id="11" name="Freeform 10"/>
              <p:cNvSpPr/>
              <p:nvPr/>
            </p:nvSpPr>
            <p:spPr bwMode="auto">
              <a:xfrm flipH="1">
                <a:off x="3503712" y="2715987"/>
                <a:ext cx="198120" cy="925884"/>
              </a:xfrm>
              <a:custGeom>
                <a:avLst/>
                <a:gdLst>
                  <a:gd name="connsiteX0" fmla="*/ 0 w 198120"/>
                  <a:gd name="connsiteY0" fmla="*/ 53394 h 925884"/>
                  <a:gd name="connsiteX1" fmla="*/ 0 w 198120"/>
                  <a:gd name="connsiteY1" fmla="*/ 53394 h 925884"/>
                  <a:gd name="connsiteX2" fmla="*/ 15240 w 198120"/>
                  <a:gd name="connsiteY2" fmla="*/ 83874 h 925884"/>
                  <a:gd name="connsiteX3" fmla="*/ 22860 w 198120"/>
                  <a:gd name="connsiteY3" fmla="*/ 160074 h 925884"/>
                  <a:gd name="connsiteX4" fmla="*/ 26670 w 198120"/>
                  <a:gd name="connsiteY4" fmla="*/ 861114 h 925884"/>
                  <a:gd name="connsiteX5" fmla="*/ 30480 w 198120"/>
                  <a:gd name="connsiteY5" fmla="*/ 891594 h 925884"/>
                  <a:gd name="connsiteX6" fmla="*/ 34290 w 198120"/>
                  <a:gd name="connsiteY6" fmla="*/ 903024 h 925884"/>
                  <a:gd name="connsiteX7" fmla="*/ 38100 w 198120"/>
                  <a:gd name="connsiteY7" fmla="*/ 925884 h 925884"/>
                  <a:gd name="connsiteX8" fmla="*/ 49530 w 198120"/>
                  <a:gd name="connsiteY8" fmla="*/ 914454 h 925884"/>
                  <a:gd name="connsiteX9" fmla="*/ 60960 w 198120"/>
                  <a:gd name="connsiteY9" fmla="*/ 906834 h 925884"/>
                  <a:gd name="connsiteX10" fmla="*/ 68580 w 198120"/>
                  <a:gd name="connsiteY10" fmla="*/ 895404 h 925884"/>
                  <a:gd name="connsiteX11" fmla="*/ 91440 w 198120"/>
                  <a:gd name="connsiteY11" fmla="*/ 883974 h 925884"/>
                  <a:gd name="connsiteX12" fmla="*/ 102870 w 198120"/>
                  <a:gd name="connsiteY12" fmla="*/ 872544 h 925884"/>
                  <a:gd name="connsiteX13" fmla="*/ 114300 w 198120"/>
                  <a:gd name="connsiteY13" fmla="*/ 868734 h 925884"/>
                  <a:gd name="connsiteX14" fmla="*/ 121920 w 198120"/>
                  <a:gd name="connsiteY14" fmla="*/ 857304 h 925884"/>
                  <a:gd name="connsiteX15" fmla="*/ 125730 w 198120"/>
                  <a:gd name="connsiteY15" fmla="*/ 842064 h 925884"/>
                  <a:gd name="connsiteX16" fmla="*/ 129540 w 198120"/>
                  <a:gd name="connsiteY16" fmla="*/ 823014 h 925884"/>
                  <a:gd name="connsiteX17" fmla="*/ 133350 w 198120"/>
                  <a:gd name="connsiteY17" fmla="*/ 811584 h 925884"/>
                  <a:gd name="connsiteX18" fmla="*/ 137160 w 198120"/>
                  <a:gd name="connsiteY18" fmla="*/ 796344 h 925884"/>
                  <a:gd name="connsiteX19" fmla="*/ 144780 w 198120"/>
                  <a:gd name="connsiteY19" fmla="*/ 784914 h 925884"/>
                  <a:gd name="connsiteX20" fmla="*/ 148590 w 198120"/>
                  <a:gd name="connsiteY20" fmla="*/ 773484 h 925884"/>
                  <a:gd name="connsiteX21" fmla="*/ 167640 w 198120"/>
                  <a:gd name="connsiteY21" fmla="*/ 750624 h 925884"/>
                  <a:gd name="connsiteX22" fmla="*/ 179070 w 198120"/>
                  <a:gd name="connsiteY22" fmla="*/ 712524 h 925884"/>
                  <a:gd name="connsiteX23" fmla="*/ 186690 w 198120"/>
                  <a:gd name="connsiteY23" fmla="*/ 586794 h 925884"/>
                  <a:gd name="connsiteX24" fmla="*/ 198120 w 198120"/>
                  <a:gd name="connsiteY24" fmla="*/ 468684 h 925884"/>
                  <a:gd name="connsiteX25" fmla="*/ 194310 w 198120"/>
                  <a:gd name="connsiteY25" fmla="*/ 388674 h 925884"/>
                  <a:gd name="connsiteX26" fmla="*/ 186690 w 198120"/>
                  <a:gd name="connsiteY26" fmla="*/ 362004 h 925884"/>
                  <a:gd name="connsiteX27" fmla="*/ 175260 w 198120"/>
                  <a:gd name="connsiteY27" fmla="*/ 213414 h 925884"/>
                  <a:gd name="connsiteX28" fmla="*/ 171450 w 198120"/>
                  <a:gd name="connsiteY28" fmla="*/ 201984 h 925884"/>
                  <a:gd name="connsiteX29" fmla="*/ 163830 w 198120"/>
                  <a:gd name="connsiteY29" fmla="*/ 190554 h 925884"/>
                  <a:gd name="connsiteX30" fmla="*/ 156210 w 198120"/>
                  <a:gd name="connsiteY30" fmla="*/ 163884 h 925884"/>
                  <a:gd name="connsiteX31" fmla="*/ 148590 w 198120"/>
                  <a:gd name="connsiteY31" fmla="*/ 152454 h 925884"/>
                  <a:gd name="connsiteX32" fmla="*/ 140970 w 198120"/>
                  <a:gd name="connsiteY32" fmla="*/ 129594 h 925884"/>
                  <a:gd name="connsiteX33" fmla="*/ 137160 w 198120"/>
                  <a:gd name="connsiteY33" fmla="*/ 118164 h 925884"/>
                  <a:gd name="connsiteX34" fmla="*/ 133350 w 198120"/>
                  <a:gd name="connsiteY34" fmla="*/ 106734 h 925884"/>
                  <a:gd name="connsiteX35" fmla="*/ 129540 w 198120"/>
                  <a:gd name="connsiteY35" fmla="*/ 76254 h 925884"/>
                  <a:gd name="connsiteX36" fmla="*/ 125730 w 198120"/>
                  <a:gd name="connsiteY36" fmla="*/ 61014 h 925884"/>
                  <a:gd name="connsiteX37" fmla="*/ 114300 w 198120"/>
                  <a:gd name="connsiteY37" fmla="*/ 57204 h 925884"/>
                  <a:gd name="connsiteX38" fmla="*/ 102870 w 198120"/>
                  <a:gd name="connsiteY38" fmla="*/ 34344 h 925884"/>
                  <a:gd name="connsiteX39" fmla="*/ 60960 w 198120"/>
                  <a:gd name="connsiteY39" fmla="*/ 11484 h 925884"/>
                  <a:gd name="connsiteX40" fmla="*/ 45720 w 198120"/>
                  <a:gd name="connsiteY40" fmla="*/ 54 h 925884"/>
                  <a:gd name="connsiteX41" fmla="*/ 34290 w 198120"/>
                  <a:gd name="connsiteY41" fmla="*/ 7674 h 925884"/>
                  <a:gd name="connsiteX42" fmla="*/ 15240 w 198120"/>
                  <a:gd name="connsiteY42" fmla="*/ 34344 h 925884"/>
                  <a:gd name="connsiteX43" fmla="*/ 0 w 198120"/>
                  <a:gd name="connsiteY43" fmla="*/ 53394 h 92588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</a:cxnLst>
                <a:rect l="l" t="t" r="r" b="b"/>
                <a:pathLst>
                  <a:path w="198120" h="925884">
                    <a:moveTo>
                      <a:pt x="0" y="53394"/>
                    </a:moveTo>
                    <a:lnTo>
                      <a:pt x="0" y="53394"/>
                    </a:lnTo>
                    <a:cubicBezTo>
                      <a:pt x="5080" y="63554"/>
                      <a:pt x="12035" y="72976"/>
                      <a:pt x="15240" y="83874"/>
                    </a:cubicBezTo>
                    <a:cubicBezTo>
                      <a:pt x="16650" y="88669"/>
                      <a:pt x="22825" y="159693"/>
                      <a:pt x="22860" y="160074"/>
                    </a:cubicBezTo>
                    <a:cubicBezTo>
                      <a:pt x="24130" y="393754"/>
                      <a:pt x="24236" y="627443"/>
                      <a:pt x="26670" y="861114"/>
                    </a:cubicBezTo>
                    <a:cubicBezTo>
                      <a:pt x="26777" y="871353"/>
                      <a:pt x="28648" y="881520"/>
                      <a:pt x="30480" y="891594"/>
                    </a:cubicBezTo>
                    <a:cubicBezTo>
                      <a:pt x="31198" y="895545"/>
                      <a:pt x="33419" y="899104"/>
                      <a:pt x="34290" y="903024"/>
                    </a:cubicBezTo>
                    <a:cubicBezTo>
                      <a:pt x="35966" y="910565"/>
                      <a:pt x="36830" y="918264"/>
                      <a:pt x="38100" y="925884"/>
                    </a:cubicBezTo>
                    <a:cubicBezTo>
                      <a:pt x="41910" y="922074"/>
                      <a:pt x="45391" y="917903"/>
                      <a:pt x="49530" y="914454"/>
                    </a:cubicBezTo>
                    <a:cubicBezTo>
                      <a:pt x="53048" y="911523"/>
                      <a:pt x="57722" y="910072"/>
                      <a:pt x="60960" y="906834"/>
                    </a:cubicBezTo>
                    <a:cubicBezTo>
                      <a:pt x="64198" y="903596"/>
                      <a:pt x="65342" y="898642"/>
                      <a:pt x="68580" y="895404"/>
                    </a:cubicBezTo>
                    <a:cubicBezTo>
                      <a:pt x="75966" y="888018"/>
                      <a:pt x="82144" y="887073"/>
                      <a:pt x="91440" y="883974"/>
                    </a:cubicBezTo>
                    <a:cubicBezTo>
                      <a:pt x="95250" y="880164"/>
                      <a:pt x="98387" y="875533"/>
                      <a:pt x="102870" y="872544"/>
                    </a:cubicBezTo>
                    <a:cubicBezTo>
                      <a:pt x="106212" y="870316"/>
                      <a:pt x="111164" y="871243"/>
                      <a:pt x="114300" y="868734"/>
                    </a:cubicBezTo>
                    <a:cubicBezTo>
                      <a:pt x="117876" y="865873"/>
                      <a:pt x="119380" y="861114"/>
                      <a:pt x="121920" y="857304"/>
                    </a:cubicBezTo>
                    <a:cubicBezTo>
                      <a:pt x="123190" y="852224"/>
                      <a:pt x="124594" y="847176"/>
                      <a:pt x="125730" y="842064"/>
                    </a:cubicBezTo>
                    <a:cubicBezTo>
                      <a:pt x="127135" y="835742"/>
                      <a:pt x="127969" y="829296"/>
                      <a:pt x="129540" y="823014"/>
                    </a:cubicBezTo>
                    <a:cubicBezTo>
                      <a:pt x="130514" y="819118"/>
                      <a:pt x="132247" y="815446"/>
                      <a:pt x="133350" y="811584"/>
                    </a:cubicBezTo>
                    <a:cubicBezTo>
                      <a:pt x="134789" y="806549"/>
                      <a:pt x="135097" y="801157"/>
                      <a:pt x="137160" y="796344"/>
                    </a:cubicBezTo>
                    <a:cubicBezTo>
                      <a:pt x="138964" y="792135"/>
                      <a:pt x="142732" y="789010"/>
                      <a:pt x="144780" y="784914"/>
                    </a:cubicBezTo>
                    <a:cubicBezTo>
                      <a:pt x="146576" y="781322"/>
                      <a:pt x="146794" y="777076"/>
                      <a:pt x="148590" y="773484"/>
                    </a:cubicBezTo>
                    <a:cubicBezTo>
                      <a:pt x="153894" y="762875"/>
                      <a:pt x="159214" y="759050"/>
                      <a:pt x="167640" y="750624"/>
                    </a:cubicBezTo>
                    <a:cubicBezTo>
                      <a:pt x="176916" y="722796"/>
                      <a:pt x="173312" y="735556"/>
                      <a:pt x="179070" y="712524"/>
                    </a:cubicBezTo>
                    <a:cubicBezTo>
                      <a:pt x="187542" y="636273"/>
                      <a:pt x="178970" y="720603"/>
                      <a:pt x="186690" y="586794"/>
                    </a:cubicBezTo>
                    <a:cubicBezTo>
                      <a:pt x="192757" y="481624"/>
                      <a:pt x="183243" y="513314"/>
                      <a:pt x="198120" y="468684"/>
                    </a:cubicBezTo>
                    <a:cubicBezTo>
                      <a:pt x="196850" y="442014"/>
                      <a:pt x="196439" y="415289"/>
                      <a:pt x="194310" y="388674"/>
                    </a:cubicBezTo>
                    <a:cubicBezTo>
                      <a:pt x="193806" y="382379"/>
                      <a:pt x="188873" y="368553"/>
                      <a:pt x="186690" y="362004"/>
                    </a:cubicBezTo>
                    <a:cubicBezTo>
                      <a:pt x="182880" y="312474"/>
                      <a:pt x="190969" y="260541"/>
                      <a:pt x="175260" y="213414"/>
                    </a:cubicBezTo>
                    <a:cubicBezTo>
                      <a:pt x="173990" y="209604"/>
                      <a:pt x="173246" y="205576"/>
                      <a:pt x="171450" y="201984"/>
                    </a:cubicBezTo>
                    <a:cubicBezTo>
                      <a:pt x="169402" y="197888"/>
                      <a:pt x="166370" y="194364"/>
                      <a:pt x="163830" y="190554"/>
                    </a:cubicBezTo>
                    <a:cubicBezTo>
                      <a:pt x="162609" y="185671"/>
                      <a:pt x="158943" y="169350"/>
                      <a:pt x="156210" y="163884"/>
                    </a:cubicBezTo>
                    <a:cubicBezTo>
                      <a:pt x="154162" y="159788"/>
                      <a:pt x="150450" y="156638"/>
                      <a:pt x="148590" y="152454"/>
                    </a:cubicBezTo>
                    <a:cubicBezTo>
                      <a:pt x="145328" y="145114"/>
                      <a:pt x="143510" y="137214"/>
                      <a:pt x="140970" y="129594"/>
                    </a:cubicBezTo>
                    <a:lnTo>
                      <a:pt x="137160" y="118164"/>
                    </a:lnTo>
                    <a:lnTo>
                      <a:pt x="133350" y="106734"/>
                    </a:lnTo>
                    <a:cubicBezTo>
                      <a:pt x="132080" y="96574"/>
                      <a:pt x="131223" y="86354"/>
                      <a:pt x="129540" y="76254"/>
                    </a:cubicBezTo>
                    <a:cubicBezTo>
                      <a:pt x="128679" y="71089"/>
                      <a:pt x="129001" y="65103"/>
                      <a:pt x="125730" y="61014"/>
                    </a:cubicBezTo>
                    <a:cubicBezTo>
                      <a:pt x="123221" y="57878"/>
                      <a:pt x="118110" y="58474"/>
                      <a:pt x="114300" y="57204"/>
                    </a:cubicBezTo>
                    <a:cubicBezTo>
                      <a:pt x="111790" y="49674"/>
                      <a:pt x="109584" y="39715"/>
                      <a:pt x="102870" y="34344"/>
                    </a:cubicBezTo>
                    <a:cubicBezTo>
                      <a:pt x="81691" y="17401"/>
                      <a:pt x="79497" y="17663"/>
                      <a:pt x="60960" y="11484"/>
                    </a:cubicBezTo>
                    <a:cubicBezTo>
                      <a:pt x="55880" y="7674"/>
                      <a:pt x="52006" y="952"/>
                      <a:pt x="45720" y="54"/>
                    </a:cubicBezTo>
                    <a:cubicBezTo>
                      <a:pt x="41187" y="-594"/>
                      <a:pt x="37808" y="4743"/>
                      <a:pt x="34290" y="7674"/>
                    </a:cubicBezTo>
                    <a:cubicBezTo>
                      <a:pt x="23243" y="16880"/>
                      <a:pt x="20633" y="20863"/>
                      <a:pt x="15240" y="34344"/>
                    </a:cubicBezTo>
                    <a:cubicBezTo>
                      <a:pt x="14768" y="35523"/>
                      <a:pt x="2540" y="50219"/>
                      <a:pt x="0" y="53394"/>
                    </a:cubicBezTo>
                    <a:close/>
                  </a:path>
                </a:pathLst>
              </a:custGeom>
              <a:solidFill>
                <a:srgbClr val="00B0F0">
                  <a:alpha val="54000"/>
                </a:srgbClr>
              </a:solidFill>
              <a:ln w="19050">
                <a:noFill/>
                <a:headEnd type="none" w="med" len="med"/>
                <a:tailEnd type="none" w="med" len="med"/>
              </a:ln>
              <a:effectLst>
                <a:softEdge rad="31750"/>
              </a:effectLst>
            </p:spPr>
            <p:style>
              <a:lnRef idx="2">
                <a:schemeClr val="accent1"/>
              </a:lnRef>
              <a:fillRef idx="1">
                <a:schemeClr val="lt1"/>
              </a:fillRef>
              <a:effectRef idx="0">
                <a:schemeClr val="accent1"/>
              </a:effectRef>
              <a:fontRef idx="minor">
                <a:schemeClr val="dk1"/>
              </a:fontRef>
            </p:style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13" name="Freeform 12"/>
              <p:cNvSpPr/>
              <p:nvPr/>
            </p:nvSpPr>
            <p:spPr bwMode="auto">
              <a:xfrm>
                <a:off x="4754567" y="2636912"/>
                <a:ext cx="198120" cy="925884"/>
              </a:xfrm>
              <a:custGeom>
                <a:avLst/>
                <a:gdLst>
                  <a:gd name="connsiteX0" fmla="*/ 0 w 198120"/>
                  <a:gd name="connsiteY0" fmla="*/ 53394 h 925884"/>
                  <a:gd name="connsiteX1" fmla="*/ 0 w 198120"/>
                  <a:gd name="connsiteY1" fmla="*/ 53394 h 925884"/>
                  <a:gd name="connsiteX2" fmla="*/ 15240 w 198120"/>
                  <a:gd name="connsiteY2" fmla="*/ 83874 h 925884"/>
                  <a:gd name="connsiteX3" fmla="*/ 22860 w 198120"/>
                  <a:gd name="connsiteY3" fmla="*/ 160074 h 925884"/>
                  <a:gd name="connsiteX4" fmla="*/ 26670 w 198120"/>
                  <a:gd name="connsiteY4" fmla="*/ 861114 h 925884"/>
                  <a:gd name="connsiteX5" fmla="*/ 30480 w 198120"/>
                  <a:gd name="connsiteY5" fmla="*/ 891594 h 925884"/>
                  <a:gd name="connsiteX6" fmla="*/ 34290 w 198120"/>
                  <a:gd name="connsiteY6" fmla="*/ 903024 h 925884"/>
                  <a:gd name="connsiteX7" fmla="*/ 38100 w 198120"/>
                  <a:gd name="connsiteY7" fmla="*/ 925884 h 925884"/>
                  <a:gd name="connsiteX8" fmla="*/ 49530 w 198120"/>
                  <a:gd name="connsiteY8" fmla="*/ 914454 h 925884"/>
                  <a:gd name="connsiteX9" fmla="*/ 60960 w 198120"/>
                  <a:gd name="connsiteY9" fmla="*/ 906834 h 925884"/>
                  <a:gd name="connsiteX10" fmla="*/ 68580 w 198120"/>
                  <a:gd name="connsiteY10" fmla="*/ 895404 h 925884"/>
                  <a:gd name="connsiteX11" fmla="*/ 91440 w 198120"/>
                  <a:gd name="connsiteY11" fmla="*/ 883974 h 925884"/>
                  <a:gd name="connsiteX12" fmla="*/ 102870 w 198120"/>
                  <a:gd name="connsiteY12" fmla="*/ 872544 h 925884"/>
                  <a:gd name="connsiteX13" fmla="*/ 114300 w 198120"/>
                  <a:gd name="connsiteY13" fmla="*/ 868734 h 925884"/>
                  <a:gd name="connsiteX14" fmla="*/ 121920 w 198120"/>
                  <a:gd name="connsiteY14" fmla="*/ 857304 h 925884"/>
                  <a:gd name="connsiteX15" fmla="*/ 125730 w 198120"/>
                  <a:gd name="connsiteY15" fmla="*/ 842064 h 925884"/>
                  <a:gd name="connsiteX16" fmla="*/ 129540 w 198120"/>
                  <a:gd name="connsiteY16" fmla="*/ 823014 h 925884"/>
                  <a:gd name="connsiteX17" fmla="*/ 133350 w 198120"/>
                  <a:gd name="connsiteY17" fmla="*/ 811584 h 925884"/>
                  <a:gd name="connsiteX18" fmla="*/ 137160 w 198120"/>
                  <a:gd name="connsiteY18" fmla="*/ 796344 h 925884"/>
                  <a:gd name="connsiteX19" fmla="*/ 144780 w 198120"/>
                  <a:gd name="connsiteY19" fmla="*/ 784914 h 925884"/>
                  <a:gd name="connsiteX20" fmla="*/ 148590 w 198120"/>
                  <a:gd name="connsiteY20" fmla="*/ 773484 h 925884"/>
                  <a:gd name="connsiteX21" fmla="*/ 167640 w 198120"/>
                  <a:gd name="connsiteY21" fmla="*/ 750624 h 925884"/>
                  <a:gd name="connsiteX22" fmla="*/ 179070 w 198120"/>
                  <a:gd name="connsiteY22" fmla="*/ 712524 h 925884"/>
                  <a:gd name="connsiteX23" fmla="*/ 186690 w 198120"/>
                  <a:gd name="connsiteY23" fmla="*/ 586794 h 925884"/>
                  <a:gd name="connsiteX24" fmla="*/ 198120 w 198120"/>
                  <a:gd name="connsiteY24" fmla="*/ 468684 h 925884"/>
                  <a:gd name="connsiteX25" fmla="*/ 194310 w 198120"/>
                  <a:gd name="connsiteY25" fmla="*/ 388674 h 925884"/>
                  <a:gd name="connsiteX26" fmla="*/ 186690 w 198120"/>
                  <a:gd name="connsiteY26" fmla="*/ 362004 h 925884"/>
                  <a:gd name="connsiteX27" fmla="*/ 175260 w 198120"/>
                  <a:gd name="connsiteY27" fmla="*/ 213414 h 925884"/>
                  <a:gd name="connsiteX28" fmla="*/ 171450 w 198120"/>
                  <a:gd name="connsiteY28" fmla="*/ 201984 h 925884"/>
                  <a:gd name="connsiteX29" fmla="*/ 163830 w 198120"/>
                  <a:gd name="connsiteY29" fmla="*/ 190554 h 925884"/>
                  <a:gd name="connsiteX30" fmla="*/ 156210 w 198120"/>
                  <a:gd name="connsiteY30" fmla="*/ 163884 h 925884"/>
                  <a:gd name="connsiteX31" fmla="*/ 148590 w 198120"/>
                  <a:gd name="connsiteY31" fmla="*/ 152454 h 925884"/>
                  <a:gd name="connsiteX32" fmla="*/ 140970 w 198120"/>
                  <a:gd name="connsiteY32" fmla="*/ 129594 h 925884"/>
                  <a:gd name="connsiteX33" fmla="*/ 137160 w 198120"/>
                  <a:gd name="connsiteY33" fmla="*/ 118164 h 925884"/>
                  <a:gd name="connsiteX34" fmla="*/ 133350 w 198120"/>
                  <a:gd name="connsiteY34" fmla="*/ 106734 h 925884"/>
                  <a:gd name="connsiteX35" fmla="*/ 129540 w 198120"/>
                  <a:gd name="connsiteY35" fmla="*/ 76254 h 925884"/>
                  <a:gd name="connsiteX36" fmla="*/ 125730 w 198120"/>
                  <a:gd name="connsiteY36" fmla="*/ 61014 h 925884"/>
                  <a:gd name="connsiteX37" fmla="*/ 114300 w 198120"/>
                  <a:gd name="connsiteY37" fmla="*/ 57204 h 925884"/>
                  <a:gd name="connsiteX38" fmla="*/ 102870 w 198120"/>
                  <a:gd name="connsiteY38" fmla="*/ 34344 h 925884"/>
                  <a:gd name="connsiteX39" fmla="*/ 60960 w 198120"/>
                  <a:gd name="connsiteY39" fmla="*/ 11484 h 925884"/>
                  <a:gd name="connsiteX40" fmla="*/ 45720 w 198120"/>
                  <a:gd name="connsiteY40" fmla="*/ 54 h 925884"/>
                  <a:gd name="connsiteX41" fmla="*/ 34290 w 198120"/>
                  <a:gd name="connsiteY41" fmla="*/ 7674 h 925884"/>
                  <a:gd name="connsiteX42" fmla="*/ 15240 w 198120"/>
                  <a:gd name="connsiteY42" fmla="*/ 34344 h 925884"/>
                  <a:gd name="connsiteX43" fmla="*/ 0 w 198120"/>
                  <a:gd name="connsiteY43" fmla="*/ 53394 h 92588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</a:cxnLst>
                <a:rect l="l" t="t" r="r" b="b"/>
                <a:pathLst>
                  <a:path w="198120" h="925884">
                    <a:moveTo>
                      <a:pt x="0" y="53394"/>
                    </a:moveTo>
                    <a:lnTo>
                      <a:pt x="0" y="53394"/>
                    </a:lnTo>
                    <a:cubicBezTo>
                      <a:pt x="5080" y="63554"/>
                      <a:pt x="12035" y="72976"/>
                      <a:pt x="15240" y="83874"/>
                    </a:cubicBezTo>
                    <a:cubicBezTo>
                      <a:pt x="16650" y="88669"/>
                      <a:pt x="22825" y="159693"/>
                      <a:pt x="22860" y="160074"/>
                    </a:cubicBezTo>
                    <a:cubicBezTo>
                      <a:pt x="24130" y="393754"/>
                      <a:pt x="24236" y="627443"/>
                      <a:pt x="26670" y="861114"/>
                    </a:cubicBezTo>
                    <a:cubicBezTo>
                      <a:pt x="26777" y="871353"/>
                      <a:pt x="28648" y="881520"/>
                      <a:pt x="30480" y="891594"/>
                    </a:cubicBezTo>
                    <a:cubicBezTo>
                      <a:pt x="31198" y="895545"/>
                      <a:pt x="33419" y="899104"/>
                      <a:pt x="34290" y="903024"/>
                    </a:cubicBezTo>
                    <a:cubicBezTo>
                      <a:pt x="35966" y="910565"/>
                      <a:pt x="36830" y="918264"/>
                      <a:pt x="38100" y="925884"/>
                    </a:cubicBezTo>
                    <a:cubicBezTo>
                      <a:pt x="41910" y="922074"/>
                      <a:pt x="45391" y="917903"/>
                      <a:pt x="49530" y="914454"/>
                    </a:cubicBezTo>
                    <a:cubicBezTo>
                      <a:pt x="53048" y="911523"/>
                      <a:pt x="57722" y="910072"/>
                      <a:pt x="60960" y="906834"/>
                    </a:cubicBezTo>
                    <a:cubicBezTo>
                      <a:pt x="64198" y="903596"/>
                      <a:pt x="65342" y="898642"/>
                      <a:pt x="68580" y="895404"/>
                    </a:cubicBezTo>
                    <a:cubicBezTo>
                      <a:pt x="75966" y="888018"/>
                      <a:pt x="82144" y="887073"/>
                      <a:pt x="91440" y="883974"/>
                    </a:cubicBezTo>
                    <a:cubicBezTo>
                      <a:pt x="95250" y="880164"/>
                      <a:pt x="98387" y="875533"/>
                      <a:pt x="102870" y="872544"/>
                    </a:cubicBezTo>
                    <a:cubicBezTo>
                      <a:pt x="106212" y="870316"/>
                      <a:pt x="111164" y="871243"/>
                      <a:pt x="114300" y="868734"/>
                    </a:cubicBezTo>
                    <a:cubicBezTo>
                      <a:pt x="117876" y="865873"/>
                      <a:pt x="119380" y="861114"/>
                      <a:pt x="121920" y="857304"/>
                    </a:cubicBezTo>
                    <a:cubicBezTo>
                      <a:pt x="123190" y="852224"/>
                      <a:pt x="124594" y="847176"/>
                      <a:pt x="125730" y="842064"/>
                    </a:cubicBezTo>
                    <a:cubicBezTo>
                      <a:pt x="127135" y="835742"/>
                      <a:pt x="127969" y="829296"/>
                      <a:pt x="129540" y="823014"/>
                    </a:cubicBezTo>
                    <a:cubicBezTo>
                      <a:pt x="130514" y="819118"/>
                      <a:pt x="132247" y="815446"/>
                      <a:pt x="133350" y="811584"/>
                    </a:cubicBezTo>
                    <a:cubicBezTo>
                      <a:pt x="134789" y="806549"/>
                      <a:pt x="135097" y="801157"/>
                      <a:pt x="137160" y="796344"/>
                    </a:cubicBezTo>
                    <a:cubicBezTo>
                      <a:pt x="138964" y="792135"/>
                      <a:pt x="142732" y="789010"/>
                      <a:pt x="144780" y="784914"/>
                    </a:cubicBezTo>
                    <a:cubicBezTo>
                      <a:pt x="146576" y="781322"/>
                      <a:pt x="146794" y="777076"/>
                      <a:pt x="148590" y="773484"/>
                    </a:cubicBezTo>
                    <a:cubicBezTo>
                      <a:pt x="153894" y="762875"/>
                      <a:pt x="159214" y="759050"/>
                      <a:pt x="167640" y="750624"/>
                    </a:cubicBezTo>
                    <a:cubicBezTo>
                      <a:pt x="176916" y="722796"/>
                      <a:pt x="173312" y="735556"/>
                      <a:pt x="179070" y="712524"/>
                    </a:cubicBezTo>
                    <a:cubicBezTo>
                      <a:pt x="187542" y="636273"/>
                      <a:pt x="178970" y="720603"/>
                      <a:pt x="186690" y="586794"/>
                    </a:cubicBezTo>
                    <a:cubicBezTo>
                      <a:pt x="192757" y="481624"/>
                      <a:pt x="183243" y="513314"/>
                      <a:pt x="198120" y="468684"/>
                    </a:cubicBezTo>
                    <a:cubicBezTo>
                      <a:pt x="196850" y="442014"/>
                      <a:pt x="196439" y="415289"/>
                      <a:pt x="194310" y="388674"/>
                    </a:cubicBezTo>
                    <a:cubicBezTo>
                      <a:pt x="193806" y="382379"/>
                      <a:pt x="188873" y="368553"/>
                      <a:pt x="186690" y="362004"/>
                    </a:cubicBezTo>
                    <a:cubicBezTo>
                      <a:pt x="182880" y="312474"/>
                      <a:pt x="190969" y="260541"/>
                      <a:pt x="175260" y="213414"/>
                    </a:cubicBezTo>
                    <a:cubicBezTo>
                      <a:pt x="173990" y="209604"/>
                      <a:pt x="173246" y="205576"/>
                      <a:pt x="171450" y="201984"/>
                    </a:cubicBezTo>
                    <a:cubicBezTo>
                      <a:pt x="169402" y="197888"/>
                      <a:pt x="166370" y="194364"/>
                      <a:pt x="163830" y="190554"/>
                    </a:cubicBezTo>
                    <a:cubicBezTo>
                      <a:pt x="162609" y="185671"/>
                      <a:pt x="158943" y="169350"/>
                      <a:pt x="156210" y="163884"/>
                    </a:cubicBezTo>
                    <a:cubicBezTo>
                      <a:pt x="154162" y="159788"/>
                      <a:pt x="150450" y="156638"/>
                      <a:pt x="148590" y="152454"/>
                    </a:cubicBezTo>
                    <a:cubicBezTo>
                      <a:pt x="145328" y="145114"/>
                      <a:pt x="143510" y="137214"/>
                      <a:pt x="140970" y="129594"/>
                    </a:cubicBezTo>
                    <a:lnTo>
                      <a:pt x="137160" y="118164"/>
                    </a:lnTo>
                    <a:lnTo>
                      <a:pt x="133350" y="106734"/>
                    </a:lnTo>
                    <a:cubicBezTo>
                      <a:pt x="132080" y="96574"/>
                      <a:pt x="131223" y="86354"/>
                      <a:pt x="129540" y="76254"/>
                    </a:cubicBezTo>
                    <a:cubicBezTo>
                      <a:pt x="128679" y="71089"/>
                      <a:pt x="129001" y="65103"/>
                      <a:pt x="125730" y="61014"/>
                    </a:cubicBezTo>
                    <a:cubicBezTo>
                      <a:pt x="123221" y="57878"/>
                      <a:pt x="118110" y="58474"/>
                      <a:pt x="114300" y="57204"/>
                    </a:cubicBezTo>
                    <a:cubicBezTo>
                      <a:pt x="111790" y="49674"/>
                      <a:pt x="109584" y="39715"/>
                      <a:pt x="102870" y="34344"/>
                    </a:cubicBezTo>
                    <a:cubicBezTo>
                      <a:pt x="81691" y="17401"/>
                      <a:pt x="79497" y="17663"/>
                      <a:pt x="60960" y="11484"/>
                    </a:cubicBezTo>
                    <a:cubicBezTo>
                      <a:pt x="55880" y="7674"/>
                      <a:pt x="52006" y="952"/>
                      <a:pt x="45720" y="54"/>
                    </a:cubicBezTo>
                    <a:cubicBezTo>
                      <a:pt x="41187" y="-594"/>
                      <a:pt x="37808" y="4743"/>
                      <a:pt x="34290" y="7674"/>
                    </a:cubicBezTo>
                    <a:cubicBezTo>
                      <a:pt x="23243" y="16880"/>
                      <a:pt x="20633" y="20863"/>
                      <a:pt x="15240" y="34344"/>
                    </a:cubicBezTo>
                    <a:cubicBezTo>
                      <a:pt x="14768" y="35523"/>
                      <a:pt x="2540" y="50219"/>
                      <a:pt x="0" y="53394"/>
                    </a:cubicBezTo>
                    <a:close/>
                  </a:path>
                </a:pathLst>
              </a:custGeom>
              <a:solidFill>
                <a:srgbClr val="00B0F0">
                  <a:alpha val="54000"/>
                </a:srgbClr>
              </a:solidFill>
              <a:ln w="19050">
                <a:noFill/>
                <a:headEnd type="none" w="med" len="med"/>
                <a:tailEnd type="none" w="med" len="med"/>
              </a:ln>
              <a:effectLst>
                <a:softEdge rad="31750"/>
              </a:effectLst>
            </p:spPr>
            <p:style>
              <a:lnRef idx="2">
                <a:schemeClr val="accent1"/>
              </a:lnRef>
              <a:fillRef idx="1">
                <a:schemeClr val="lt1"/>
              </a:fillRef>
              <a:effectRef idx="0">
                <a:schemeClr val="accent1"/>
              </a:effectRef>
              <a:fontRef idx="minor">
                <a:schemeClr val="dk1"/>
              </a:fontRef>
            </p:style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17" name="Freeform 16"/>
              <p:cNvSpPr/>
              <p:nvPr/>
            </p:nvSpPr>
            <p:spPr bwMode="auto">
              <a:xfrm flipH="1">
                <a:off x="5105792" y="2655074"/>
                <a:ext cx="198120" cy="925884"/>
              </a:xfrm>
              <a:custGeom>
                <a:avLst/>
                <a:gdLst>
                  <a:gd name="connsiteX0" fmla="*/ 0 w 198120"/>
                  <a:gd name="connsiteY0" fmla="*/ 53394 h 925884"/>
                  <a:gd name="connsiteX1" fmla="*/ 0 w 198120"/>
                  <a:gd name="connsiteY1" fmla="*/ 53394 h 925884"/>
                  <a:gd name="connsiteX2" fmla="*/ 15240 w 198120"/>
                  <a:gd name="connsiteY2" fmla="*/ 83874 h 925884"/>
                  <a:gd name="connsiteX3" fmla="*/ 22860 w 198120"/>
                  <a:gd name="connsiteY3" fmla="*/ 160074 h 925884"/>
                  <a:gd name="connsiteX4" fmla="*/ 26670 w 198120"/>
                  <a:gd name="connsiteY4" fmla="*/ 861114 h 925884"/>
                  <a:gd name="connsiteX5" fmla="*/ 30480 w 198120"/>
                  <a:gd name="connsiteY5" fmla="*/ 891594 h 925884"/>
                  <a:gd name="connsiteX6" fmla="*/ 34290 w 198120"/>
                  <a:gd name="connsiteY6" fmla="*/ 903024 h 925884"/>
                  <a:gd name="connsiteX7" fmla="*/ 38100 w 198120"/>
                  <a:gd name="connsiteY7" fmla="*/ 925884 h 925884"/>
                  <a:gd name="connsiteX8" fmla="*/ 49530 w 198120"/>
                  <a:gd name="connsiteY8" fmla="*/ 914454 h 925884"/>
                  <a:gd name="connsiteX9" fmla="*/ 60960 w 198120"/>
                  <a:gd name="connsiteY9" fmla="*/ 906834 h 925884"/>
                  <a:gd name="connsiteX10" fmla="*/ 68580 w 198120"/>
                  <a:gd name="connsiteY10" fmla="*/ 895404 h 925884"/>
                  <a:gd name="connsiteX11" fmla="*/ 91440 w 198120"/>
                  <a:gd name="connsiteY11" fmla="*/ 883974 h 925884"/>
                  <a:gd name="connsiteX12" fmla="*/ 102870 w 198120"/>
                  <a:gd name="connsiteY12" fmla="*/ 872544 h 925884"/>
                  <a:gd name="connsiteX13" fmla="*/ 114300 w 198120"/>
                  <a:gd name="connsiteY13" fmla="*/ 868734 h 925884"/>
                  <a:gd name="connsiteX14" fmla="*/ 121920 w 198120"/>
                  <a:gd name="connsiteY14" fmla="*/ 857304 h 925884"/>
                  <a:gd name="connsiteX15" fmla="*/ 125730 w 198120"/>
                  <a:gd name="connsiteY15" fmla="*/ 842064 h 925884"/>
                  <a:gd name="connsiteX16" fmla="*/ 129540 w 198120"/>
                  <a:gd name="connsiteY16" fmla="*/ 823014 h 925884"/>
                  <a:gd name="connsiteX17" fmla="*/ 133350 w 198120"/>
                  <a:gd name="connsiteY17" fmla="*/ 811584 h 925884"/>
                  <a:gd name="connsiteX18" fmla="*/ 137160 w 198120"/>
                  <a:gd name="connsiteY18" fmla="*/ 796344 h 925884"/>
                  <a:gd name="connsiteX19" fmla="*/ 144780 w 198120"/>
                  <a:gd name="connsiteY19" fmla="*/ 784914 h 925884"/>
                  <a:gd name="connsiteX20" fmla="*/ 148590 w 198120"/>
                  <a:gd name="connsiteY20" fmla="*/ 773484 h 925884"/>
                  <a:gd name="connsiteX21" fmla="*/ 167640 w 198120"/>
                  <a:gd name="connsiteY21" fmla="*/ 750624 h 925884"/>
                  <a:gd name="connsiteX22" fmla="*/ 179070 w 198120"/>
                  <a:gd name="connsiteY22" fmla="*/ 712524 h 925884"/>
                  <a:gd name="connsiteX23" fmla="*/ 186690 w 198120"/>
                  <a:gd name="connsiteY23" fmla="*/ 586794 h 925884"/>
                  <a:gd name="connsiteX24" fmla="*/ 198120 w 198120"/>
                  <a:gd name="connsiteY24" fmla="*/ 468684 h 925884"/>
                  <a:gd name="connsiteX25" fmla="*/ 194310 w 198120"/>
                  <a:gd name="connsiteY25" fmla="*/ 388674 h 925884"/>
                  <a:gd name="connsiteX26" fmla="*/ 186690 w 198120"/>
                  <a:gd name="connsiteY26" fmla="*/ 362004 h 925884"/>
                  <a:gd name="connsiteX27" fmla="*/ 175260 w 198120"/>
                  <a:gd name="connsiteY27" fmla="*/ 213414 h 925884"/>
                  <a:gd name="connsiteX28" fmla="*/ 171450 w 198120"/>
                  <a:gd name="connsiteY28" fmla="*/ 201984 h 925884"/>
                  <a:gd name="connsiteX29" fmla="*/ 163830 w 198120"/>
                  <a:gd name="connsiteY29" fmla="*/ 190554 h 925884"/>
                  <a:gd name="connsiteX30" fmla="*/ 156210 w 198120"/>
                  <a:gd name="connsiteY30" fmla="*/ 163884 h 925884"/>
                  <a:gd name="connsiteX31" fmla="*/ 148590 w 198120"/>
                  <a:gd name="connsiteY31" fmla="*/ 152454 h 925884"/>
                  <a:gd name="connsiteX32" fmla="*/ 140970 w 198120"/>
                  <a:gd name="connsiteY32" fmla="*/ 129594 h 925884"/>
                  <a:gd name="connsiteX33" fmla="*/ 137160 w 198120"/>
                  <a:gd name="connsiteY33" fmla="*/ 118164 h 925884"/>
                  <a:gd name="connsiteX34" fmla="*/ 133350 w 198120"/>
                  <a:gd name="connsiteY34" fmla="*/ 106734 h 925884"/>
                  <a:gd name="connsiteX35" fmla="*/ 129540 w 198120"/>
                  <a:gd name="connsiteY35" fmla="*/ 76254 h 925884"/>
                  <a:gd name="connsiteX36" fmla="*/ 125730 w 198120"/>
                  <a:gd name="connsiteY36" fmla="*/ 61014 h 925884"/>
                  <a:gd name="connsiteX37" fmla="*/ 114300 w 198120"/>
                  <a:gd name="connsiteY37" fmla="*/ 57204 h 925884"/>
                  <a:gd name="connsiteX38" fmla="*/ 102870 w 198120"/>
                  <a:gd name="connsiteY38" fmla="*/ 34344 h 925884"/>
                  <a:gd name="connsiteX39" fmla="*/ 60960 w 198120"/>
                  <a:gd name="connsiteY39" fmla="*/ 11484 h 925884"/>
                  <a:gd name="connsiteX40" fmla="*/ 45720 w 198120"/>
                  <a:gd name="connsiteY40" fmla="*/ 54 h 925884"/>
                  <a:gd name="connsiteX41" fmla="*/ 34290 w 198120"/>
                  <a:gd name="connsiteY41" fmla="*/ 7674 h 925884"/>
                  <a:gd name="connsiteX42" fmla="*/ 15240 w 198120"/>
                  <a:gd name="connsiteY42" fmla="*/ 34344 h 925884"/>
                  <a:gd name="connsiteX43" fmla="*/ 0 w 198120"/>
                  <a:gd name="connsiteY43" fmla="*/ 53394 h 92588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</a:cxnLst>
                <a:rect l="l" t="t" r="r" b="b"/>
                <a:pathLst>
                  <a:path w="198120" h="925884">
                    <a:moveTo>
                      <a:pt x="0" y="53394"/>
                    </a:moveTo>
                    <a:lnTo>
                      <a:pt x="0" y="53394"/>
                    </a:lnTo>
                    <a:cubicBezTo>
                      <a:pt x="5080" y="63554"/>
                      <a:pt x="12035" y="72976"/>
                      <a:pt x="15240" y="83874"/>
                    </a:cubicBezTo>
                    <a:cubicBezTo>
                      <a:pt x="16650" y="88669"/>
                      <a:pt x="22825" y="159693"/>
                      <a:pt x="22860" y="160074"/>
                    </a:cubicBezTo>
                    <a:cubicBezTo>
                      <a:pt x="24130" y="393754"/>
                      <a:pt x="24236" y="627443"/>
                      <a:pt x="26670" y="861114"/>
                    </a:cubicBezTo>
                    <a:cubicBezTo>
                      <a:pt x="26777" y="871353"/>
                      <a:pt x="28648" y="881520"/>
                      <a:pt x="30480" y="891594"/>
                    </a:cubicBezTo>
                    <a:cubicBezTo>
                      <a:pt x="31198" y="895545"/>
                      <a:pt x="33419" y="899104"/>
                      <a:pt x="34290" y="903024"/>
                    </a:cubicBezTo>
                    <a:cubicBezTo>
                      <a:pt x="35966" y="910565"/>
                      <a:pt x="36830" y="918264"/>
                      <a:pt x="38100" y="925884"/>
                    </a:cubicBezTo>
                    <a:cubicBezTo>
                      <a:pt x="41910" y="922074"/>
                      <a:pt x="45391" y="917903"/>
                      <a:pt x="49530" y="914454"/>
                    </a:cubicBezTo>
                    <a:cubicBezTo>
                      <a:pt x="53048" y="911523"/>
                      <a:pt x="57722" y="910072"/>
                      <a:pt x="60960" y="906834"/>
                    </a:cubicBezTo>
                    <a:cubicBezTo>
                      <a:pt x="64198" y="903596"/>
                      <a:pt x="65342" y="898642"/>
                      <a:pt x="68580" y="895404"/>
                    </a:cubicBezTo>
                    <a:cubicBezTo>
                      <a:pt x="75966" y="888018"/>
                      <a:pt x="82144" y="887073"/>
                      <a:pt x="91440" y="883974"/>
                    </a:cubicBezTo>
                    <a:cubicBezTo>
                      <a:pt x="95250" y="880164"/>
                      <a:pt x="98387" y="875533"/>
                      <a:pt x="102870" y="872544"/>
                    </a:cubicBezTo>
                    <a:cubicBezTo>
                      <a:pt x="106212" y="870316"/>
                      <a:pt x="111164" y="871243"/>
                      <a:pt x="114300" y="868734"/>
                    </a:cubicBezTo>
                    <a:cubicBezTo>
                      <a:pt x="117876" y="865873"/>
                      <a:pt x="119380" y="861114"/>
                      <a:pt x="121920" y="857304"/>
                    </a:cubicBezTo>
                    <a:cubicBezTo>
                      <a:pt x="123190" y="852224"/>
                      <a:pt x="124594" y="847176"/>
                      <a:pt x="125730" y="842064"/>
                    </a:cubicBezTo>
                    <a:cubicBezTo>
                      <a:pt x="127135" y="835742"/>
                      <a:pt x="127969" y="829296"/>
                      <a:pt x="129540" y="823014"/>
                    </a:cubicBezTo>
                    <a:cubicBezTo>
                      <a:pt x="130514" y="819118"/>
                      <a:pt x="132247" y="815446"/>
                      <a:pt x="133350" y="811584"/>
                    </a:cubicBezTo>
                    <a:cubicBezTo>
                      <a:pt x="134789" y="806549"/>
                      <a:pt x="135097" y="801157"/>
                      <a:pt x="137160" y="796344"/>
                    </a:cubicBezTo>
                    <a:cubicBezTo>
                      <a:pt x="138964" y="792135"/>
                      <a:pt x="142732" y="789010"/>
                      <a:pt x="144780" y="784914"/>
                    </a:cubicBezTo>
                    <a:cubicBezTo>
                      <a:pt x="146576" y="781322"/>
                      <a:pt x="146794" y="777076"/>
                      <a:pt x="148590" y="773484"/>
                    </a:cubicBezTo>
                    <a:cubicBezTo>
                      <a:pt x="153894" y="762875"/>
                      <a:pt x="159214" y="759050"/>
                      <a:pt x="167640" y="750624"/>
                    </a:cubicBezTo>
                    <a:cubicBezTo>
                      <a:pt x="176916" y="722796"/>
                      <a:pt x="173312" y="735556"/>
                      <a:pt x="179070" y="712524"/>
                    </a:cubicBezTo>
                    <a:cubicBezTo>
                      <a:pt x="187542" y="636273"/>
                      <a:pt x="178970" y="720603"/>
                      <a:pt x="186690" y="586794"/>
                    </a:cubicBezTo>
                    <a:cubicBezTo>
                      <a:pt x="192757" y="481624"/>
                      <a:pt x="183243" y="513314"/>
                      <a:pt x="198120" y="468684"/>
                    </a:cubicBezTo>
                    <a:cubicBezTo>
                      <a:pt x="196850" y="442014"/>
                      <a:pt x="196439" y="415289"/>
                      <a:pt x="194310" y="388674"/>
                    </a:cubicBezTo>
                    <a:cubicBezTo>
                      <a:pt x="193806" y="382379"/>
                      <a:pt x="188873" y="368553"/>
                      <a:pt x="186690" y="362004"/>
                    </a:cubicBezTo>
                    <a:cubicBezTo>
                      <a:pt x="182880" y="312474"/>
                      <a:pt x="190969" y="260541"/>
                      <a:pt x="175260" y="213414"/>
                    </a:cubicBezTo>
                    <a:cubicBezTo>
                      <a:pt x="173990" y="209604"/>
                      <a:pt x="173246" y="205576"/>
                      <a:pt x="171450" y="201984"/>
                    </a:cubicBezTo>
                    <a:cubicBezTo>
                      <a:pt x="169402" y="197888"/>
                      <a:pt x="166370" y="194364"/>
                      <a:pt x="163830" y="190554"/>
                    </a:cubicBezTo>
                    <a:cubicBezTo>
                      <a:pt x="162609" y="185671"/>
                      <a:pt x="158943" y="169350"/>
                      <a:pt x="156210" y="163884"/>
                    </a:cubicBezTo>
                    <a:cubicBezTo>
                      <a:pt x="154162" y="159788"/>
                      <a:pt x="150450" y="156638"/>
                      <a:pt x="148590" y="152454"/>
                    </a:cubicBezTo>
                    <a:cubicBezTo>
                      <a:pt x="145328" y="145114"/>
                      <a:pt x="143510" y="137214"/>
                      <a:pt x="140970" y="129594"/>
                    </a:cubicBezTo>
                    <a:lnTo>
                      <a:pt x="137160" y="118164"/>
                    </a:lnTo>
                    <a:lnTo>
                      <a:pt x="133350" y="106734"/>
                    </a:lnTo>
                    <a:cubicBezTo>
                      <a:pt x="132080" y="96574"/>
                      <a:pt x="131223" y="86354"/>
                      <a:pt x="129540" y="76254"/>
                    </a:cubicBezTo>
                    <a:cubicBezTo>
                      <a:pt x="128679" y="71089"/>
                      <a:pt x="129001" y="65103"/>
                      <a:pt x="125730" y="61014"/>
                    </a:cubicBezTo>
                    <a:cubicBezTo>
                      <a:pt x="123221" y="57878"/>
                      <a:pt x="118110" y="58474"/>
                      <a:pt x="114300" y="57204"/>
                    </a:cubicBezTo>
                    <a:cubicBezTo>
                      <a:pt x="111790" y="49674"/>
                      <a:pt x="109584" y="39715"/>
                      <a:pt x="102870" y="34344"/>
                    </a:cubicBezTo>
                    <a:cubicBezTo>
                      <a:pt x="81691" y="17401"/>
                      <a:pt x="79497" y="17663"/>
                      <a:pt x="60960" y="11484"/>
                    </a:cubicBezTo>
                    <a:cubicBezTo>
                      <a:pt x="55880" y="7674"/>
                      <a:pt x="52006" y="952"/>
                      <a:pt x="45720" y="54"/>
                    </a:cubicBezTo>
                    <a:cubicBezTo>
                      <a:pt x="41187" y="-594"/>
                      <a:pt x="37808" y="4743"/>
                      <a:pt x="34290" y="7674"/>
                    </a:cubicBezTo>
                    <a:cubicBezTo>
                      <a:pt x="23243" y="16880"/>
                      <a:pt x="20633" y="20863"/>
                      <a:pt x="15240" y="34344"/>
                    </a:cubicBezTo>
                    <a:cubicBezTo>
                      <a:pt x="14768" y="35523"/>
                      <a:pt x="2540" y="50219"/>
                      <a:pt x="0" y="53394"/>
                    </a:cubicBezTo>
                    <a:close/>
                  </a:path>
                </a:pathLst>
              </a:custGeom>
              <a:solidFill>
                <a:srgbClr val="00B0F0">
                  <a:alpha val="54000"/>
                </a:srgbClr>
              </a:solidFill>
              <a:ln w="19050">
                <a:noFill/>
                <a:headEnd type="none" w="med" len="med"/>
                <a:tailEnd type="none" w="med" len="med"/>
              </a:ln>
              <a:effectLst>
                <a:softEdge rad="31750"/>
              </a:effectLst>
            </p:spPr>
            <p:style>
              <a:lnRef idx="2">
                <a:schemeClr val="accent1"/>
              </a:lnRef>
              <a:fillRef idx="1">
                <a:schemeClr val="lt1"/>
              </a:fillRef>
              <a:effectRef idx="0">
                <a:schemeClr val="accent1"/>
              </a:effectRef>
              <a:fontRef idx="minor">
                <a:schemeClr val="dk1"/>
              </a:fontRef>
            </p:style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18" name="Freeform 17"/>
              <p:cNvSpPr/>
              <p:nvPr/>
            </p:nvSpPr>
            <p:spPr bwMode="auto">
              <a:xfrm>
                <a:off x="6257920" y="2575999"/>
                <a:ext cx="198120" cy="925884"/>
              </a:xfrm>
              <a:custGeom>
                <a:avLst/>
                <a:gdLst>
                  <a:gd name="connsiteX0" fmla="*/ 0 w 198120"/>
                  <a:gd name="connsiteY0" fmla="*/ 53394 h 925884"/>
                  <a:gd name="connsiteX1" fmla="*/ 0 w 198120"/>
                  <a:gd name="connsiteY1" fmla="*/ 53394 h 925884"/>
                  <a:gd name="connsiteX2" fmla="*/ 15240 w 198120"/>
                  <a:gd name="connsiteY2" fmla="*/ 83874 h 925884"/>
                  <a:gd name="connsiteX3" fmla="*/ 22860 w 198120"/>
                  <a:gd name="connsiteY3" fmla="*/ 160074 h 925884"/>
                  <a:gd name="connsiteX4" fmla="*/ 26670 w 198120"/>
                  <a:gd name="connsiteY4" fmla="*/ 861114 h 925884"/>
                  <a:gd name="connsiteX5" fmla="*/ 30480 w 198120"/>
                  <a:gd name="connsiteY5" fmla="*/ 891594 h 925884"/>
                  <a:gd name="connsiteX6" fmla="*/ 34290 w 198120"/>
                  <a:gd name="connsiteY6" fmla="*/ 903024 h 925884"/>
                  <a:gd name="connsiteX7" fmla="*/ 38100 w 198120"/>
                  <a:gd name="connsiteY7" fmla="*/ 925884 h 925884"/>
                  <a:gd name="connsiteX8" fmla="*/ 49530 w 198120"/>
                  <a:gd name="connsiteY8" fmla="*/ 914454 h 925884"/>
                  <a:gd name="connsiteX9" fmla="*/ 60960 w 198120"/>
                  <a:gd name="connsiteY9" fmla="*/ 906834 h 925884"/>
                  <a:gd name="connsiteX10" fmla="*/ 68580 w 198120"/>
                  <a:gd name="connsiteY10" fmla="*/ 895404 h 925884"/>
                  <a:gd name="connsiteX11" fmla="*/ 91440 w 198120"/>
                  <a:gd name="connsiteY11" fmla="*/ 883974 h 925884"/>
                  <a:gd name="connsiteX12" fmla="*/ 102870 w 198120"/>
                  <a:gd name="connsiteY12" fmla="*/ 872544 h 925884"/>
                  <a:gd name="connsiteX13" fmla="*/ 114300 w 198120"/>
                  <a:gd name="connsiteY13" fmla="*/ 868734 h 925884"/>
                  <a:gd name="connsiteX14" fmla="*/ 121920 w 198120"/>
                  <a:gd name="connsiteY14" fmla="*/ 857304 h 925884"/>
                  <a:gd name="connsiteX15" fmla="*/ 125730 w 198120"/>
                  <a:gd name="connsiteY15" fmla="*/ 842064 h 925884"/>
                  <a:gd name="connsiteX16" fmla="*/ 129540 w 198120"/>
                  <a:gd name="connsiteY16" fmla="*/ 823014 h 925884"/>
                  <a:gd name="connsiteX17" fmla="*/ 133350 w 198120"/>
                  <a:gd name="connsiteY17" fmla="*/ 811584 h 925884"/>
                  <a:gd name="connsiteX18" fmla="*/ 137160 w 198120"/>
                  <a:gd name="connsiteY18" fmla="*/ 796344 h 925884"/>
                  <a:gd name="connsiteX19" fmla="*/ 144780 w 198120"/>
                  <a:gd name="connsiteY19" fmla="*/ 784914 h 925884"/>
                  <a:gd name="connsiteX20" fmla="*/ 148590 w 198120"/>
                  <a:gd name="connsiteY20" fmla="*/ 773484 h 925884"/>
                  <a:gd name="connsiteX21" fmla="*/ 167640 w 198120"/>
                  <a:gd name="connsiteY21" fmla="*/ 750624 h 925884"/>
                  <a:gd name="connsiteX22" fmla="*/ 179070 w 198120"/>
                  <a:gd name="connsiteY22" fmla="*/ 712524 h 925884"/>
                  <a:gd name="connsiteX23" fmla="*/ 186690 w 198120"/>
                  <a:gd name="connsiteY23" fmla="*/ 586794 h 925884"/>
                  <a:gd name="connsiteX24" fmla="*/ 198120 w 198120"/>
                  <a:gd name="connsiteY24" fmla="*/ 468684 h 925884"/>
                  <a:gd name="connsiteX25" fmla="*/ 194310 w 198120"/>
                  <a:gd name="connsiteY25" fmla="*/ 388674 h 925884"/>
                  <a:gd name="connsiteX26" fmla="*/ 186690 w 198120"/>
                  <a:gd name="connsiteY26" fmla="*/ 362004 h 925884"/>
                  <a:gd name="connsiteX27" fmla="*/ 175260 w 198120"/>
                  <a:gd name="connsiteY27" fmla="*/ 213414 h 925884"/>
                  <a:gd name="connsiteX28" fmla="*/ 171450 w 198120"/>
                  <a:gd name="connsiteY28" fmla="*/ 201984 h 925884"/>
                  <a:gd name="connsiteX29" fmla="*/ 163830 w 198120"/>
                  <a:gd name="connsiteY29" fmla="*/ 190554 h 925884"/>
                  <a:gd name="connsiteX30" fmla="*/ 156210 w 198120"/>
                  <a:gd name="connsiteY30" fmla="*/ 163884 h 925884"/>
                  <a:gd name="connsiteX31" fmla="*/ 148590 w 198120"/>
                  <a:gd name="connsiteY31" fmla="*/ 152454 h 925884"/>
                  <a:gd name="connsiteX32" fmla="*/ 140970 w 198120"/>
                  <a:gd name="connsiteY32" fmla="*/ 129594 h 925884"/>
                  <a:gd name="connsiteX33" fmla="*/ 137160 w 198120"/>
                  <a:gd name="connsiteY33" fmla="*/ 118164 h 925884"/>
                  <a:gd name="connsiteX34" fmla="*/ 133350 w 198120"/>
                  <a:gd name="connsiteY34" fmla="*/ 106734 h 925884"/>
                  <a:gd name="connsiteX35" fmla="*/ 129540 w 198120"/>
                  <a:gd name="connsiteY35" fmla="*/ 76254 h 925884"/>
                  <a:gd name="connsiteX36" fmla="*/ 125730 w 198120"/>
                  <a:gd name="connsiteY36" fmla="*/ 61014 h 925884"/>
                  <a:gd name="connsiteX37" fmla="*/ 114300 w 198120"/>
                  <a:gd name="connsiteY37" fmla="*/ 57204 h 925884"/>
                  <a:gd name="connsiteX38" fmla="*/ 102870 w 198120"/>
                  <a:gd name="connsiteY38" fmla="*/ 34344 h 925884"/>
                  <a:gd name="connsiteX39" fmla="*/ 60960 w 198120"/>
                  <a:gd name="connsiteY39" fmla="*/ 11484 h 925884"/>
                  <a:gd name="connsiteX40" fmla="*/ 45720 w 198120"/>
                  <a:gd name="connsiteY40" fmla="*/ 54 h 925884"/>
                  <a:gd name="connsiteX41" fmla="*/ 34290 w 198120"/>
                  <a:gd name="connsiteY41" fmla="*/ 7674 h 925884"/>
                  <a:gd name="connsiteX42" fmla="*/ 15240 w 198120"/>
                  <a:gd name="connsiteY42" fmla="*/ 34344 h 925884"/>
                  <a:gd name="connsiteX43" fmla="*/ 0 w 198120"/>
                  <a:gd name="connsiteY43" fmla="*/ 53394 h 92588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</a:cxnLst>
                <a:rect l="l" t="t" r="r" b="b"/>
                <a:pathLst>
                  <a:path w="198120" h="925884">
                    <a:moveTo>
                      <a:pt x="0" y="53394"/>
                    </a:moveTo>
                    <a:lnTo>
                      <a:pt x="0" y="53394"/>
                    </a:lnTo>
                    <a:cubicBezTo>
                      <a:pt x="5080" y="63554"/>
                      <a:pt x="12035" y="72976"/>
                      <a:pt x="15240" y="83874"/>
                    </a:cubicBezTo>
                    <a:cubicBezTo>
                      <a:pt x="16650" y="88669"/>
                      <a:pt x="22825" y="159693"/>
                      <a:pt x="22860" y="160074"/>
                    </a:cubicBezTo>
                    <a:cubicBezTo>
                      <a:pt x="24130" y="393754"/>
                      <a:pt x="24236" y="627443"/>
                      <a:pt x="26670" y="861114"/>
                    </a:cubicBezTo>
                    <a:cubicBezTo>
                      <a:pt x="26777" y="871353"/>
                      <a:pt x="28648" y="881520"/>
                      <a:pt x="30480" y="891594"/>
                    </a:cubicBezTo>
                    <a:cubicBezTo>
                      <a:pt x="31198" y="895545"/>
                      <a:pt x="33419" y="899104"/>
                      <a:pt x="34290" y="903024"/>
                    </a:cubicBezTo>
                    <a:cubicBezTo>
                      <a:pt x="35966" y="910565"/>
                      <a:pt x="36830" y="918264"/>
                      <a:pt x="38100" y="925884"/>
                    </a:cubicBezTo>
                    <a:cubicBezTo>
                      <a:pt x="41910" y="922074"/>
                      <a:pt x="45391" y="917903"/>
                      <a:pt x="49530" y="914454"/>
                    </a:cubicBezTo>
                    <a:cubicBezTo>
                      <a:pt x="53048" y="911523"/>
                      <a:pt x="57722" y="910072"/>
                      <a:pt x="60960" y="906834"/>
                    </a:cubicBezTo>
                    <a:cubicBezTo>
                      <a:pt x="64198" y="903596"/>
                      <a:pt x="65342" y="898642"/>
                      <a:pt x="68580" y="895404"/>
                    </a:cubicBezTo>
                    <a:cubicBezTo>
                      <a:pt x="75966" y="888018"/>
                      <a:pt x="82144" y="887073"/>
                      <a:pt x="91440" y="883974"/>
                    </a:cubicBezTo>
                    <a:cubicBezTo>
                      <a:pt x="95250" y="880164"/>
                      <a:pt x="98387" y="875533"/>
                      <a:pt x="102870" y="872544"/>
                    </a:cubicBezTo>
                    <a:cubicBezTo>
                      <a:pt x="106212" y="870316"/>
                      <a:pt x="111164" y="871243"/>
                      <a:pt x="114300" y="868734"/>
                    </a:cubicBezTo>
                    <a:cubicBezTo>
                      <a:pt x="117876" y="865873"/>
                      <a:pt x="119380" y="861114"/>
                      <a:pt x="121920" y="857304"/>
                    </a:cubicBezTo>
                    <a:cubicBezTo>
                      <a:pt x="123190" y="852224"/>
                      <a:pt x="124594" y="847176"/>
                      <a:pt x="125730" y="842064"/>
                    </a:cubicBezTo>
                    <a:cubicBezTo>
                      <a:pt x="127135" y="835742"/>
                      <a:pt x="127969" y="829296"/>
                      <a:pt x="129540" y="823014"/>
                    </a:cubicBezTo>
                    <a:cubicBezTo>
                      <a:pt x="130514" y="819118"/>
                      <a:pt x="132247" y="815446"/>
                      <a:pt x="133350" y="811584"/>
                    </a:cubicBezTo>
                    <a:cubicBezTo>
                      <a:pt x="134789" y="806549"/>
                      <a:pt x="135097" y="801157"/>
                      <a:pt x="137160" y="796344"/>
                    </a:cubicBezTo>
                    <a:cubicBezTo>
                      <a:pt x="138964" y="792135"/>
                      <a:pt x="142732" y="789010"/>
                      <a:pt x="144780" y="784914"/>
                    </a:cubicBezTo>
                    <a:cubicBezTo>
                      <a:pt x="146576" y="781322"/>
                      <a:pt x="146794" y="777076"/>
                      <a:pt x="148590" y="773484"/>
                    </a:cubicBezTo>
                    <a:cubicBezTo>
                      <a:pt x="153894" y="762875"/>
                      <a:pt x="159214" y="759050"/>
                      <a:pt x="167640" y="750624"/>
                    </a:cubicBezTo>
                    <a:cubicBezTo>
                      <a:pt x="176916" y="722796"/>
                      <a:pt x="173312" y="735556"/>
                      <a:pt x="179070" y="712524"/>
                    </a:cubicBezTo>
                    <a:cubicBezTo>
                      <a:pt x="187542" y="636273"/>
                      <a:pt x="178970" y="720603"/>
                      <a:pt x="186690" y="586794"/>
                    </a:cubicBezTo>
                    <a:cubicBezTo>
                      <a:pt x="192757" y="481624"/>
                      <a:pt x="183243" y="513314"/>
                      <a:pt x="198120" y="468684"/>
                    </a:cubicBezTo>
                    <a:cubicBezTo>
                      <a:pt x="196850" y="442014"/>
                      <a:pt x="196439" y="415289"/>
                      <a:pt x="194310" y="388674"/>
                    </a:cubicBezTo>
                    <a:cubicBezTo>
                      <a:pt x="193806" y="382379"/>
                      <a:pt x="188873" y="368553"/>
                      <a:pt x="186690" y="362004"/>
                    </a:cubicBezTo>
                    <a:cubicBezTo>
                      <a:pt x="182880" y="312474"/>
                      <a:pt x="190969" y="260541"/>
                      <a:pt x="175260" y="213414"/>
                    </a:cubicBezTo>
                    <a:cubicBezTo>
                      <a:pt x="173990" y="209604"/>
                      <a:pt x="173246" y="205576"/>
                      <a:pt x="171450" y="201984"/>
                    </a:cubicBezTo>
                    <a:cubicBezTo>
                      <a:pt x="169402" y="197888"/>
                      <a:pt x="166370" y="194364"/>
                      <a:pt x="163830" y="190554"/>
                    </a:cubicBezTo>
                    <a:cubicBezTo>
                      <a:pt x="162609" y="185671"/>
                      <a:pt x="158943" y="169350"/>
                      <a:pt x="156210" y="163884"/>
                    </a:cubicBezTo>
                    <a:cubicBezTo>
                      <a:pt x="154162" y="159788"/>
                      <a:pt x="150450" y="156638"/>
                      <a:pt x="148590" y="152454"/>
                    </a:cubicBezTo>
                    <a:cubicBezTo>
                      <a:pt x="145328" y="145114"/>
                      <a:pt x="143510" y="137214"/>
                      <a:pt x="140970" y="129594"/>
                    </a:cubicBezTo>
                    <a:lnTo>
                      <a:pt x="137160" y="118164"/>
                    </a:lnTo>
                    <a:lnTo>
                      <a:pt x="133350" y="106734"/>
                    </a:lnTo>
                    <a:cubicBezTo>
                      <a:pt x="132080" y="96574"/>
                      <a:pt x="131223" y="86354"/>
                      <a:pt x="129540" y="76254"/>
                    </a:cubicBezTo>
                    <a:cubicBezTo>
                      <a:pt x="128679" y="71089"/>
                      <a:pt x="129001" y="65103"/>
                      <a:pt x="125730" y="61014"/>
                    </a:cubicBezTo>
                    <a:cubicBezTo>
                      <a:pt x="123221" y="57878"/>
                      <a:pt x="118110" y="58474"/>
                      <a:pt x="114300" y="57204"/>
                    </a:cubicBezTo>
                    <a:cubicBezTo>
                      <a:pt x="111790" y="49674"/>
                      <a:pt x="109584" y="39715"/>
                      <a:pt x="102870" y="34344"/>
                    </a:cubicBezTo>
                    <a:cubicBezTo>
                      <a:pt x="81691" y="17401"/>
                      <a:pt x="79497" y="17663"/>
                      <a:pt x="60960" y="11484"/>
                    </a:cubicBezTo>
                    <a:cubicBezTo>
                      <a:pt x="55880" y="7674"/>
                      <a:pt x="52006" y="952"/>
                      <a:pt x="45720" y="54"/>
                    </a:cubicBezTo>
                    <a:cubicBezTo>
                      <a:pt x="41187" y="-594"/>
                      <a:pt x="37808" y="4743"/>
                      <a:pt x="34290" y="7674"/>
                    </a:cubicBezTo>
                    <a:cubicBezTo>
                      <a:pt x="23243" y="16880"/>
                      <a:pt x="20633" y="20863"/>
                      <a:pt x="15240" y="34344"/>
                    </a:cubicBezTo>
                    <a:cubicBezTo>
                      <a:pt x="14768" y="35523"/>
                      <a:pt x="2540" y="50219"/>
                      <a:pt x="0" y="53394"/>
                    </a:cubicBezTo>
                    <a:close/>
                  </a:path>
                </a:pathLst>
              </a:custGeom>
              <a:solidFill>
                <a:srgbClr val="00B0F0">
                  <a:alpha val="54000"/>
                </a:srgbClr>
              </a:solidFill>
              <a:ln w="19050">
                <a:noFill/>
                <a:headEnd type="none" w="med" len="med"/>
                <a:tailEnd type="none" w="med" len="med"/>
              </a:ln>
              <a:effectLst>
                <a:softEdge rad="31750"/>
              </a:effectLst>
            </p:spPr>
            <p:style>
              <a:lnRef idx="2">
                <a:schemeClr val="accent1"/>
              </a:lnRef>
              <a:fillRef idx="1">
                <a:schemeClr val="lt1"/>
              </a:fillRef>
              <a:effectRef idx="0">
                <a:schemeClr val="accent1"/>
              </a:effectRef>
              <a:fontRef idx="minor">
                <a:schemeClr val="dk1"/>
              </a:fontRef>
            </p:style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</p:grpSp>
        <p:grpSp>
          <p:nvGrpSpPr>
            <p:cNvPr id="20" name="Group 19"/>
            <p:cNvGrpSpPr/>
            <p:nvPr/>
          </p:nvGrpSpPr>
          <p:grpSpPr>
            <a:xfrm>
              <a:off x="3516422" y="3756432"/>
              <a:ext cx="2952328" cy="1065872"/>
              <a:chOff x="3503712" y="2575999"/>
              <a:chExt cx="2952328" cy="1065872"/>
            </a:xfrm>
          </p:grpSpPr>
          <p:sp>
            <p:nvSpPr>
              <p:cNvPr id="21" name="Freeform 20"/>
              <p:cNvSpPr/>
              <p:nvPr/>
            </p:nvSpPr>
            <p:spPr bwMode="auto">
              <a:xfrm flipH="1">
                <a:off x="3503712" y="2715987"/>
                <a:ext cx="198120" cy="925884"/>
              </a:xfrm>
              <a:custGeom>
                <a:avLst/>
                <a:gdLst>
                  <a:gd name="connsiteX0" fmla="*/ 0 w 198120"/>
                  <a:gd name="connsiteY0" fmla="*/ 53394 h 925884"/>
                  <a:gd name="connsiteX1" fmla="*/ 0 w 198120"/>
                  <a:gd name="connsiteY1" fmla="*/ 53394 h 925884"/>
                  <a:gd name="connsiteX2" fmla="*/ 15240 w 198120"/>
                  <a:gd name="connsiteY2" fmla="*/ 83874 h 925884"/>
                  <a:gd name="connsiteX3" fmla="*/ 22860 w 198120"/>
                  <a:gd name="connsiteY3" fmla="*/ 160074 h 925884"/>
                  <a:gd name="connsiteX4" fmla="*/ 26670 w 198120"/>
                  <a:gd name="connsiteY4" fmla="*/ 861114 h 925884"/>
                  <a:gd name="connsiteX5" fmla="*/ 30480 w 198120"/>
                  <a:gd name="connsiteY5" fmla="*/ 891594 h 925884"/>
                  <a:gd name="connsiteX6" fmla="*/ 34290 w 198120"/>
                  <a:gd name="connsiteY6" fmla="*/ 903024 h 925884"/>
                  <a:gd name="connsiteX7" fmla="*/ 38100 w 198120"/>
                  <a:gd name="connsiteY7" fmla="*/ 925884 h 925884"/>
                  <a:gd name="connsiteX8" fmla="*/ 49530 w 198120"/>
                  <a:gd name="connsiteY8" fmla="*/ 914454 h 925884"/>
                  <a:gd name="connsiteX9" fmla="*/ 60960 w 198120"/>
                  <a:gd name="connsiteY9" fmla="*/ 906834 h 925884"/>
                  <a:gd name="connsiteX10" fmla="*/ 68580 w 198120"/>
                  <a:gd name="connsiteY10" fmla="*/ 895404 h 925884"/>
                  <a:gd name="connsiteX11" fmla="*/ 91440 w 198120"/>
                  <a:gd name="connsiteY11" fmla="*/ 883974 h 925884"/>
                  <a:gd name="connsiteX12" fmla="*/ 102870 w 198120"/>
                  <a:gd name="connsiteY12" fmla="*/ 872544 h 925884"/>
                  <a:gd name="connsiteX13" fmla="*/ 114300 w 198120"/>
                  <a:gd name="connsiteY13" fmla="*/ 868734 h 925884"/>
                  <a:gd name="connsiteX14" fmla="*/ 121920 w 198120"/>
                  <a:gd name="connsiteY14" fmla="*/ 857304 h 925884"/>
                  <a:gd name="connsiteX15" fmla="*/ 125730 w 198120"/>
                  <a:gd name="connsiteY15" fmla="*/ 842064 h 925884"/>
                  <a:gd name="connsiteX16" fmla="*/ 129540 w 198120"/>
                  <a:gd name="connsiteY16" fmla="*/ 823014 h 925884"/>
                  <a:gd name="connsiteX17" fmla="*/ 133350 w 198120"/>
                  <a:gd name="connsiteY17" fmla="*/ 811584 h 925884"/>
                  <a:gd name="connsiteX18" fmla="*/ 137160 w 198120"/>
                  <a:gd name="connsiteY18" fmla="*/ 796344 h 925884"/>
                  <a:gd name="connsiteX19" fmla="*/ 144780 w 198120"/>
                  <a:gd name="connsiteY19" fmla="*/ 784914 h 925884"/>
                  <a:gd name="connsiteX20" fmla="*/ 148590 w 198120"/>
                  <a:gd name="connsiteY20" fmla="*/ 773484 h 925884"/>
                  <a:gd name="connsiteX21" fmla="*/ 167640 w 198120"/>
                  <a:gd name="connsiteY21" fmla="*/ 750624 h 925884"/>
                  <a:gd name="connsiteX22" fmla="*/ 179070 w 198120"/>
                  <a:gd name="connsiteY22" fmla="*/ 712524 h 925884"/>
                  <a:gd name="connsiteX23" fmla="*/ 186690 w 198120"/>
                  <a:gd name="connsiteY23" fmla="*/ 586794 h 925884"/>
                  <a:gd name="connsiteX24" fmla="*/ 198120 w 198120"/>
                  <a:gd name="connsiteY24" fmla="*/ 468684 h 925884"/>
                  <a:gd name="connsiteX25" fmla="*/ 194310 w 198120"/>
                  <a:gd name="connsiteY25" fmla="*/ 388674 h 925884"/>
                  <a:gd name="connsiteX26" fmla="*/ 186690 w 198120"/>
                  <a:gd name="connsiteY26" fmla="*/ 362004 h 925884"/>
                  <a:gd name="connsiteX27" fmla="*/ 175260 w 198120"/>
                  <a:gd name="connsiteY27" fmla="*/ 213414 h 925884"/>
                  <a:gd name="connsiteX28" fmla="*/ 171450 w 198120"/>
                  <a:gd name="connsiteY28" fmla="*/ 201984 h 925884"/>
                  <a:gd name="connsiteX29" fmla="*/ 163830 w 198120"/>
                  <a:gd name="connsiteY29" fmla="*/ 190554 h 925884"/>
                  <a:gd name="connsiteX30" fmla="*/ 156210 w 198120"/>
                  <a:gd name="connsiteY30" fmla="*/ 163884 h 925884"/>
                  <a:gd name="connsiteX31" fmla="*/ 148590 w 198120"/>
                  <a:gd name="connsiteY31" fmla="*/ 152454 h 925884"/>
                  <a:gd name="connsiteX32" fmla="*/ 140970 w 198120"/>
                  <a:gd name="connsiteY32" fmla="*/ 129594 h 925884"/>
                  <a:gd name="connsiteX33" fmla="*/ 137160 w 198120"/>
                  <a:gd name="connsiteY33" fmla="*/ 118164 h 925884"/>
                  <a:gd name="connsiteX34" fmla="*/ 133350 w 198120"/>
                  <a:gd name="connsiteY34" fmla="*/ 106734 h 925884"/>
                  <a:gd name="connsiteX35" fmla="*/ 129540 w 198120"/>
                  <a:gd name="connsiteY35" fmla="*/ 76254 h 925884"/>
                  <a:gd name="connsiteX36" fmla="*/ 125730 w 198120"/>
                  <a:gd name="connsiteY36" fmla="*/ 61014 h 925884"/>
                  <a:gd name="connsiteX37" fmla="*/ 114300 w 198120"/>
                  <a:gd name="connsiteY37" fmla="*/ 57204 h 925884"/>
                  <a:gd name="connsiteX38" fmla="*/ 102870 w 198120"/>
                  <a:gd name="connsiteY38" fmla="*/ 34344 h 925884"/>
                  <a:gd name="connsiteX39" fmla="*/ 60960 w 198120"/>
                  <a:gd name="connsiteY39" fmla="*/ 11484 h 925884"/>
                  <a:gd name="connsiteX40" fmla="*/ 45720 w 198120"/>
                  <a:gd name="connsiteY40" fmla="*/ 54 h 925884"/>
                  <a:gd name="connsiteX41" fmla="*/ 34290 w 198120"/>
                  <a:gd name="connsiteY41" fmla="*/ 7674 h 925884"/>
                  <a:gd name="connsiteX42" fmla="*/ 15240 w 198120"/>
                  <a:gd name="connsiteY42" fmla="*/ 34344 h 925884"/>
                  <a:gd name="connsiteX43" fmla="*/ 0 w 198120"/>
                  <a:gd name="connsiteY43" fmla="*/ 53394 h 92588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</a:cxnLst>
                <a:rect l="l" t="t" r="r" b="b"/>
                <a:pathLst>
                  <a:path w="198120" h="925884">
                    <a:moveTo>
                      <a:pt x="0" y="53394"/>
                    </a:moveTo>
                    <a:lnTo>
                      <a:pt x="0" y="53394"/>
                    </a:lnTo>
                    <a:cubicBezTo>
                      <a:pt x="5080" y="63554"/>
                      <a:pt x="12035" y="72976"/>
                      <a:pt x="15240" y="83874"/>
                    </a:cubicBezTo>
                    <a:cubicBezTo>
                      <a:pt x="16650" y="88669"/>
                      <a:pt x="22825" y="159693"/>
                      <a:pt x="22860" y="160074"/>
                    </a:cubicBezTo>
                    <a:cubicBezTo>
                      <a:pt x="24130" y="393754"/>
                      <a:pt x="24236" y="627443"/>
                      <a:pt x="26670" y="861114"/>
                    </a:cubicBezTo>
                    <a:cubicBezTo>
                      <a:pt x="26777" y="871353"/>
                      <a:pt x="28648" y="881520"/>
                      <a:pt x="30480" y="891594"/>
                    </a:cubicBezTo>
                    <a:cubicBezTo>
                      <a:pt x="31198" y="895545"/>
                      <a:pt x="33419" y="899104"/>
                      <a:pt x="34290" y="903024"/>
                    </a:cubicBezTo>
                    <a:cubicBezTo>
                      <a:pt x="35966" y="910565"/>
                      <a:pt x="36830" y="918264"/>
                      <a:pt x="38100" y="925884"/>
                    </a:cubicBezTo>
                    <a:cubicBezTo>
                      <a:pt x="41910" y="922074"/>
                      <a:pt x="45391" y="917903"/>
                      <a:pt x="49530" y="914454"/>
                    </a:cubicBezTo>
                    <a:cubicBezTo>
                      <a:pt x="53048" y="911523"/>
                      <a:pt x="57722" y="910072"/>
                      <a:pt x="60960" y="906834"/>
                    </a:cubicBezTo>
                    <a:cubicBezTo>
                      <a:pt x="64198" y="903596"/>
                      <a:pt x="65342" y="898642"/>
                      <a:pt x="68580" y="895404"/>
                    </a:cubicBezTo>
                    <a:cubicBezTo>
                      <a:pt x="75966" y="888018"/>
                      <a:pt x="82144" y="887073"/>
                      <a:pt x="91440" y="883974"/>
                    </a:cubicBezTo>
                    <a:cubicBezTo>
                      <a:pt x="95250" y="880164"/>
                      <a:pt x="98387" y="875533"/>
                      <a:pt x="102870" y="872544"/>
                    </a:cubicBezTo>
                    <a:cubicBezTo>
                      <a:pt x="106212" y="870316"/>
                      <a:pt x="111164" y="871243"/>
                      <a:pt x="114300" y="868734"/>
                    </a:cubicBezTo>
                    <a:cubicBezTo>
                      <a:pt x="117876" y="865873"/>
                      <a:pt x="119380" y="861114"/>
                      <a:pt x="121920" y="857304"/>
                    </a:cubicBezTo>
                    <a:cubicBezTo>
                      <a:pt x="123190" y="852224"/>
                      <a:pt x="124594" y="847176"/>
                      <a:pt x="125730" y="842064"/>
                    </a:cubicBezTo>
                    <a:cubicBezTo>
                      <a:pt x="127135" y="835742"/>
                      <a:pt x="127969" y="829296"/>
                      <a:pt x="129540" y="823014"/>
                    </a:cubicBezTo>
                    <a:cubicBezTo>
                      <a:pt x="130514" y="819118"/>
                      <a:pt x="132247" y="815446"/>
                      <a:pt x="133350" y="811584"/>
                    </a:cubicBezTo>
                    <a:cubicBezTo>
                      <a:pt x="134789" y="806549"/>
                      <a:pt x="135097" y="801157"/>
                      <a:pt x="137160" y="796344"/>
                    </a:cubicBezTo>
                    <a:cubicBezTo>
                      <a:pt x="138964" y="792135"/>
                      <a:pt x="142732" y="789010"/>
                      <a:pt x="144780" y="784914"/>
                    </a:cubicBezTo>
                    <a:cubicBezTo>
                      <a:pt x="146576" y="781322"/>
                      <a:pt x="146794" y="777076"/>
                      <a:pt x="148590" y="773484"/>
                    </a:cubicBezTo>
                    <a:cubicBezTo>
                      <a:pt x="153894" y="762875"/>
                      <a:pt x="159214" y="759050"/>
                      <a:pt x="167640" y="750624"/>
                    </a:cubicBezTo>
                    <a:cubicBezTo>
                      <a:pt x="176916" y="722796"/>
                      <a:pt x="173312" y="735556"/>
                      <a:pt x="179070" y="712524"/>
                    </a:cubicBezTo>
                    <a:cubicBezTo>
                      <a:pt x="187542" y="636273"/>
                      <a:pt x="178970" y="720603"/>
                      <a:pt x="186690" y="586794"/>
                    </a:cubicBezTo>
                    <a:cubicBezTo>
                      <a:pt x="192757" y="481624"/>
                      <a:pt x="183243" y="513314"/>
                      <a:pt x="198120" y="468684"/>
                    </a:cubicBezTo>
                    <a:cubicBezTo>
                      <a:pt x="196850" y="442014"/>
                      <a:pt x="196439" y="415289"/>
                      <a:pt x="194310" y="388674"/>
                    </a:cubicBezTo>
                    <a:cubicBezTo>
                      <a:pt x="193806" y="382379"/>
                      <a:pt x="188873" y="368553"/>
                      <a:pt x="186690" y="362004"/>
                    </a:cubicBezTo>
                    <a:cubicBezTo>
                      <a:pt x="182880" y="312474"/>
                      <a:pt x="190969" y="260541"/>
                      <a:pt x="175260" y="213414"/>
                    </a:cubicBezTo>
                    <a:cubicBezTo>
                      <a:pt x="173990" y="209604"/>
                      <a:pt x="173246" y="205576"/>
                      <a:pt x="171450" y="201984"/>
                    </a:cubicBezTo>
                    <a:cubicBezTo>
                      <a:pt x="169402" y="197888"/>
                      <a:pt x="166370" y="194364"/>
                      <a:pt x="163830" y="190554"/>
                    </a:cubicBezTo>
                    <a:cubicBezTo>
                      <a:pt x="162609" y="185671"/>
                      <a:pt x="158943" y="169350"/>
                      <a:pt x="156210" y="163884"/>
                    </a:cubicBezTo>
                    <a:cubicBezTo>
                      <a:pt x="154162" y="159788"/>
                      <a:pt x="150450" y="156638"/>
                      <a:pt x="148590" y="152454"/>
                    </a:cubicBezTo>
                    <a:cubicBezTo>
                      <a:pt x="145328" y="145114"/>
                      <a:pt x="143510" y="137214"/>
                      <a:pt x="140970" y="129594"/>
                    </a:cubicBezTo>
                    <a:lnTo>
                      <a:pt x="137160" y="118164"/>
                    </a:lnTo>
                    <a:lnTo>
                      <a:pt x="133350" y="106734"/>
                    </a:lnTo>
                    <a:cubicBezTo>
                      <a:pt x="132080" y="96574"/>
                      <a:pt x="131223" y="86354"/>
                      <a:pt x="129540" y="76254"/>
                    </a:cubicBezTo>
                    <a:cubicBezTo>
                      <a:pt x="128679" y="71089"/>
                      <a:pt x="129001" y="65103"/>
                      <a:pt x="125730" y="61014"/>
                    </a:cubicBezTo>
                    <a:cubicBezTo>
                      <a:pt x="123221" y="57878"/>
                      <a:pt x="118110" y="58474"/>
                      <a:pt x="114300" y="57204"/>
                    </a:cubicBezTo>
                    <a:cubicBezTo>
                      <a:pt x="111790" y="49674"/>
                      <a:pt x="109584" y="39715"/>
                      <a:pt x="102870" y="34344"/>
                    </a:cubicBezTo>
                    <a:cubicBezTo>
                      <a:pt x="81691" y="17401"/>
                      <a:pt x="79497" y="17663"/>
                      <a:pt x="60960" y="11484"/>
                    </a:cubicBezTo>
                    <a:cubicBezTo>
                      <a:pt x="55880" y="7674"/>
                      <a:pt x="52006" y="952"/>
                      <a:pt x="45720" y="54"/>
                    </a:cubicBezTo>
                    <a:cubicBezTo>
                      <a:pt x="41187" y="-594"/>
                      <a:pt x="37808" y="4743"/>
                      <a:pt x="34290" y="7674"/>
                    </a:cubicBezTo>
                    <a:cubicBezTo>
                      <a:pt x="23243" y="16880"/>
                      <a:pt x="20633" y="20863"/>
                      <a:pt x="15240" y="34344"/>
                    </a:cubicBezTo>
                    <a:cubicBezTo>
                      <a:pt x="14768" y="35523"/>
                      <a:pt x="2540" y="50219"/>
                      <a:pt x="0" y="53394"/>
                    </a:cubicBezTo>
                    <a:close/>
                  </a:path>
                </a:pathLst>
              </a:custGeom>
              <a:solidFill>
                <a:srgbClr val="00B0F0">
                  <a:alpha val="54000"/>
                </a:srgbClr>
              </a:solidFill>
              <a:ln w="19050">
                <a:noFill/>
                <a:headEnd type="none" w="med" len="med"/>
                <a:tailEnd type="none" w="med" len="med"/>
              </a:ln>
              <a:effectLst>
                <a:softEdge rad="31750"/>
              </a:effectLst>
            </p:spPr>
            <p:style>
              <a:lnRef idx="2">
                <a:schemeClr val="accent1"/>
              </a:lnRef>
              <a:fillRef idx="1">
                <a:schemeClr val="lt1"/>
              </a:fillRef>
              <a:effectRef idx="0">
                <a:schemeClr val="accent1"/>
              </a:effectRef>
              <a:fontRef idx="minor">
                <a:schemeClr val="dk1"/>
              </a:fontRef>
            </p:style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22" name="Freeform 21"/>
              <p:cNvSpPr/>
              <p:nvPr/>
            </p:nvSpPr>
            <p:spPr bwMode="auto">
              <a:xfrm>
                <a:off x="4754567" y="2636912"/>
                <a:ext cx="198120" cy="925884"/>
              </a:xfrm>
              <a:custGeom>
                <a:avLst/>
                <a:gdLst>
                  <a:gd name="connsiteX0" fmla="*/ 0 w 198120"/>
                  <a:gd name="connsiteY0" fmla="*/ 53394 h 925884"/>
                  <a:gd name="connsiteX1" fmla="*/ 0 w 198120"/>
                  <a:gd name="connsiteY1" fmla="*/ 53394 h 925884"/>
                  <a:gd name="connsiteX2" fmla="*/ 15240 w 198120"/>
                  <a:gd name="connsiteY2" fmla="*/ 83874 h 925884"/>
                  <a:gd name="connsiteX3" fmla="*/ 22860 w 198120"/>
                  <a:gd name="connsiteY3" fmla="*/ 160074 h 925884"/>
                  <a:gd name="connsiteX4" fmla="*/ 26670 w 198120"/>
                  <a:gd name="connsiteY4" fmla="*/ 861114 h 925884"/>
                  <a:gd name="connsiteX5" fmla="*/ 30480 w 198120"/>
                  <a:gd name="connsiteY5" fmla="*/ 891594 h 925884"/>
                  <a:gd name="connsiteX6" fmla="*/ 34290 w 198120"/>
                  <a:gd name="connsiteY6" fmla="*/ 903024 h 925884"/>
                  <a:gd name="connsiteX7" fmla="*/ 38100 w 198120"/>
                  <a:gd name="connsiteY7" fmla="*/ 925884 h 925884"/>
                  <a:gd name="connsiteX8" fmla="*/ 49530 w 198120"/>
                  <a:gd name="connsiteY8" fmla="*/ 914454 h 925884"/>
                  <a:gd name="connsiteX9" fmla="*/ 60960 w 198120"/>
                  <a:gd name="connsiteY9" fmla="*/ 906834 h 925884"/>
                  <a:gd name="connsiteX10" fmla="*/ 68580 w 198120"/>
                  <a:gd name="connsiteY10" fmla="*/ 895404 h 925884"/>
                  <a:gd name="connsiteX11" fmla="*/ 91440 w 198120"/>
                  <a:gd name="connsiteY11" fmla="*/ 883974 h 925884"/>
                  <a:gd name="connsiteX12" fmla="*/ 102870 w 198120"/>
                  <a:gd name="connsiteY12" fmla="*/ 872544 h 925884"/>
                  <a:gd name="connsiteX13" fmla="*/ 114300 w 198120"/>
                  <a:gd name="connsiteY13" fmla="*/ 868734 h 925884"/>
                  <a:gd name="connsiteX14" fmla="*/ 121920 w 198120"/>
                  <a:gd name="connsiteY14" fmla="*/ 857304 h 925884"/>
                  <a:gd name="connsiteX15" fmla="*/ 125730 w 198120"/>
                  <a:gd name="connsiteY15" fmla="*/ 842064 h 925884"/>
                  <a:gd name="connsiteX16" fmla="*/ 129540 w 198120"/>
                  <a:gd name="connsiteY16" fmla="*/ 823014 h 925884"/>
                  <a:gd name="connsiteX17" fmla="*/ 133350 w 198120"/>
                  <a:gd name="connsiteY17" fmla="*/ 811584 h 925884"/>
                  <a:gd name="connsiteX18" fmla="*/ 137160 w 198120"/>
                  <a:gd name="connsiteY18" fmla="*/ 796344 h 925884"/>
                  <a:gd name="connsiteX19" fmla="*/ 144780 w 198120"/>
                  <a:gd name="connsiteY19" fmla="*/ 784914 h 925884"/>
                  <a:gd name="connsiteX20" fmla="*/ 148590 w 198120"/>
                  <a:gd name="connsiteY20" fmla="*/ 773484 h 925884"/>
                  <a:gd name="connsiteX21" fmla="*/ 167640 w 198120"/>
                  <a:gd name="connsiteY21" fmla="*/ 750624 h 925884"/>
                  <a:gd name="connsiteX22" fmla="*/ 179070 w 198120"/>
                  <a:gd name="connsiteY22" fmla="*/ 712524 h 925884"/>
                  <a:gd name="connsiteX23" fmla="*/ 186690 w 198120"/>
                  <a:gd name="connsiteY23" fmla="*/ 586794 h 925884"/>
                  <a:gd name="connsiteX24" fmla="*/ 198120 w 198120"/>
                  <a:gd name="connsiteY24" fmla="*/ 468684 h 925884"/>
                  <a:gd name="connsiteX25" fmla="*/ 194310 w 198120"/>
                  <a:gd name="connsiteY25" fmla="*/ 388674 h 925884"/>
                  <a:gd name="connsiteX26" fmla="*/ 186690 w 198120"/>
                  <a:gd name="connsiteY26" fmla="*/ 362004 h 925884"/>
                  <a:gd name="connsiteX27" fmla="*/ 175260 w 198120"/>
                  <a:gd name="connsiteY27" fmla="*/ 213414 h 925884"/>
                  <a:gd name="connsiteX28" fmla="*/ 171450 w 198120"/>
                  <a:gd name="connsiteY28" fmla="*/ 201984 h 925884"/>
                  <a:gd name="connsiteX29" fmla="*/ 163830 w 198120"/>
                  <a:gd name="connsiteY29" fmla="*/ 190554 h 925884"/>
                  <a:gd name="connsiteX30" fmla="*/ 156210 w 198120"/>
                  <a:gd name="connsiteY30" fmla="*/ 163884 h 925884"/>
                  <a:gd name="connsiteX31" fmla="*/ 148590 w 198120"/>
                  <a:gd name="connsiteY31" fmla="*/ 152454 h 925884"/>
                  <a:gd name="connsiteX32" fmla="*/ 140970 w 198120"/>
                  <a:gd name="connsiteY32" fmla="*/ 129594 h 925884"/>
                  <a:gd name="connsiteX33" fmla="*/ 137160 w 198120"/>
                  <a:gd name="connsiteY33" fmla="*/ 118164 h 925884"/>
                  <a:gd name="connsiteX34" fmla="*/ 133350 w 198120"/>
                  <a:gd name="connsiteY34" fmla="*/ 106734 h 925884"/>
                  <a:gd name="connsiteX35" fmla="*/ 129540 w 198120"/>
                  <a:gd name="connsiteY35" fmla="*/ 76254 h 925884"/>
                  <a:gd name="connsiteX36" fmla="*/ 125730 w 198120"/>
                  <a:gd name="connsiteY36" fmla="*/ 61014 h 925884"/>
                  <a:gd name="connsiteX37" fmla="*/ 114300 w 198120"/>
                  <a:gd name="connsiteY37" fmla="*/ 57204 h 925884"/>
                  <a:gd name="connsiteX38" fmla="*/ 102870 w 198120"/>
                  <a:gd name="connsiteY38" fmla="*/ 34344 h 925884"/>
                  <a:gd name="connsiteX39" fmla="*/ 60960 w 198120"/>
                  <a:gd name="connsiteY39" fmla="*/ 11484 h 925884"/>
                  <a:gd name="connsiteX40" fmla="*/ 45720 w 198120"/>
                  <a:gd name="connsiteY40" fmla="*/ 54 h 925884"/>
                  <a:gd name="connsiteX41" fmla="*/ 34290 w 198120"/>
                  <a:gd name="connsiteY41" fmla="*/ 7674 h 925884"/>
                  <a:gd name="connsiteX42" fmla="*/ 15240 w 198120"/>
                  <a:gd name="connsiteY42" fmla="*/ 34344 h 925884"/>
                  <a:gd name="connsiteX43" fmla="*/ 0 w 198120"/>
                  <a:gd name="connsiteY43" fmla="*/ 53394 h 92588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</a:cxnLst>
                <a:rect l="l" t="t" r="r" b="b"/>
                <a:pathLst>
                  <a:path w="198120" h="925884">
                    <a:moveTo>
                      <a:pt x="0" y="53394"/>
                    </a:moveTo>
                    <a:lnTo>
                      <a:pt x="0" y="53394"/>
                    </a:lnTo>
                    <a:cubicBezTo>
                      <a:pt x="5080" y="63554"/>
                      <a:pt x="12035" y="72976"/>
                      <a:pt x="15240" y="83874"/>
                    </a:cubicBezTo>
                    <a:cubicBezTo>
                      <a:pt x="16650" y="88669"/>
                      <a:pt x="22825" y="159693"/>
                      <a:pt x="22860" y="160074"/>
                    </a:cubicBezTo>
                    <a:cubicBezTo>
                      <a:pt x="24130" y="393754"/>
                      <a:pt x="24236" y="627443"/>
                      <a:pt x="26670" y="861114"/>
                    </a:cubicBezTo>
                    <a:cubicBezTo>
                      <a:pt x="26777" y="871353"/>
                      <a:pt x="28648" y="881520"/>
                      <a:pt x="30480" y="891594"/>
                    </a:cubicBezTo>
                    <a:cubicBezTo>
                      <a:pt x="31198" y="895545"/>
                      <a:pt x="33419" y="899104"/>
                      <a:pt x="34290" y="903024"/>
                    </a:cubicBezTo>
                    <a:cubicBezTo>
                      <a:pt x="35966" y="910565"/>
                      <a:pt x="36830" y="918264"/>
                      <a:pt x="38100" y="925884"/>
                    </a:cubicBezTo>
                    <a:cubicBezTo>
                      <a:pt x="41910" y="922074"/>
                      <a:pt x="45391" y="917903"/>
                      <a:pt x="49530" y="914454"/>
                    </a:cubicBezTo>
                    <a:cubicBezTo>
                      <a:pt x="53048" y="911523"/>
                      <a:pt x="57722" y="910072"/>
                      <a:pt x="60960" y="906834"/>
                    </a:cubicBezTo>
                    <a:cubicBezTo>
                      <a:pt x="64198" y="903596"/>
                      <a:pt x="65342" y="898642"/>
                      <a:pt x="68580" y="895404"/>
                    </a:cubicBezTo>
                    <a:cubicBezTo>
                      <a:pt x="75966" y="888018"/>
                      <a:pt x="82144" y="887073"/>
                      <a:pt x="91440" y="883974"/>
                    </a:cubicBezTo>
                    <a:cubicBezTo>
                      <a:pt x="95250" y="880164"/>
                      <a:pt x="98387" y="875533"/>
                      <a:pt x="102870" y="872544"/>
                    </a:cubicBezTo>
                    <a:cubicBezTo>
                      <a:pt x="106212" y="870316"/>
                      <a:pt x="111164" y="871243"/>
                      <a:pt x="114300" y="868734"/>
                    </a:cubicBezTo>
                    <a:cubicBezTo>
                      <a:pt x="117876" y="865873"/>
                      <a:pt x="119380" y="861114"/>
                      <a:pt x="121920" y="857304"/>
                    </a:cubicBezTo>
                    <a:cubicBezTo>
                      <a:pt x="123190" y="852224"/>
                      <a:pt x="124594" y="847176"/>
                      <a:pt x="125730" y="842064"/>
                    </a:cubicBezTo>
                    <a:cubicBezTo>
                      <a:pt x="127135" y="835742"/>
                      <a:pt x="127969" y="829296"/>
                      <a:pt x="129540" y="823014"/>
                    </a:cubicBezTo>
                    <a:cubicBezTo>
                      <a:pt x="130514" y="819118"/>
                      <a:pt x="132247" y="815446"/>
                      <a:pt x="133350" y="811584"/>
                    </a:cubicBezTo>
                    <a:cubicBezTo>
                      <a:pt x="134789" y="806549"/>
                      <a:pt x="135097" y="801157"/>
                      <a:pt x="137160" y="796344"/>
                    </a:cubicBezTo>
                    <a:cubicBezTo>
                      <a:pt x="138964" y="792135"/>
                      <a:pt x="142732" y="789010"/>
                      <a:pt x="144780" y="784914"/>
                    </a:cubicBezTo>
                    <a:cubicBezTo>
                      <a:pt x="146576" y="781322"/>
                      <a:pt x="146794" y="777076"/>
                      <a:pt x="148590" y="773484"/>
                    </a:cubicBezTo>
                    <a:cubicBezTo>
                      <a:pt x="153894" y="762875"/>
                      <a:pt x="159214" y="759050"/>
                      <a:pt x="167640" y="750624"/>
                    </a:cubicBezTo>
                    <a:cubicBezTo>
                      <a:pt x="176916" y="722796"/>
                      <a:pt x="173312" y="735556"/>
                      <a:pt x="179070" y="712524"/>
                    </a:cubicBezTo>
                    <a:cubicBezTo>
                      <a:pt x="187542" y="636273"/>
                      <a:pt x="178970" y="720603"/>
                      <a:pt x="186690" y="586794"/>
                    </a:cubicBezTo>
                    <a:cubicBezTo>
                      <a:pt x="192757" y="481624"/>
                      <a:pt x="183243" y="513314"/>
                      <a:pt x="198120" y="468684"/>
                    </a:cubicBezTo>
                    <a:cubicBezTo>
                      <a:pt x="196850" y="442014"/>
                      <a:pt x="196439" y="415289"/>
                      <a:pt x="194310" y="388674"/>
                    </a:cubicBezTo>
                    <a:cubicBezTo>
                      <a:pt x="193806" y="382379"/>
                      <a:pt x="188873" y="368553"/>
                      <a:pt x="186690" y="362004"/>
                    </a:cubicBezTo>
                    <a:cubicBezTo>
                      <a:pt x="182880" y="312474"/>
                      <a:pt x="190969" y="260541"/>
                      <a:pt x="175260" y="213414"/>
                    </a:cubicBezTo>
                    <a:cubicBezTo>
                      <a:pt x="173990" y="209604"/>
                      <a:pt x="173246" y="205576"/>
                      <a:pt x="171450" y="201984"/>
                    </a:cubicBezTo>
                    <a:cubicBezTo>
                      <a:pt x="169402" y="197888"/>
                      <a:pt x="166370" y="194364"/>
                      <a:pt x="163830" y="190554"/>
                    </a:cubicBezTo>
                    <a:cubicBezTo>
                      <a:pt x="162609" y="185671"/>
                      <a:pt x="158943" y="169350"/>
                      <a:pt x="156210" y="163884"/>
                    </a:cubicBezTo>
                    <a:cubicBezTo>
                      <a:pt x="154162" y="159788"/>
                      <a:pt x="150450" y="156638"/>
                      <a:pt x="148590" y="152454"/>
                    </a:cubicBezTo>
                    <a:cubicBezTo>
                      <a:pt x="145328" y="145114"/>
                      <a:pt x="143510" y="137214"/>
                      <a:pt x="140970" y="129594"/>
                    </a:cubicBezTo>
                    <a:lnTo>
                      <a:pt x="137160" y="118164"/>
                    </a:lnTo>
                    <a:lnTo>
                      <a:pt x="133350" y="106734"/>
                    </a:lnTo>
                    <a:cubicBezTo>
                      <a:pt x="132080" y="96574"/>
                      <a:pt x="131223" y="86354"/>
                      <a:pt x="129540" y="76254"/>
                    </a:cubicBezTo>
                    <a:cubicBezTo>
                      <a:pt x="128679" y="71089"/>
                      <a:pt x="129001" y="65103"/>
                      <a:pt x="125730" y="61014"/>
                    </a:cubicBezTo>
                    <a:cubicBezTo>
                      <a:pt x="123221" y="57878"/>
                      <a:pt x="118110" y="58474"/>
                      <a:pt x="114300" y="57204"/>
                    </a:cubicBezTo>
                    <a:cubicBezTo>
                      <a:pt x="111790" y="49674"/>
                      <a:pt x="109584" y="39715"/>
                      <a:pt x="102870" y="34344"/>
                    </a:cubicBezTo>
                    <a:cubicBezTo>
                      <a:pt x="81691" y="17401"/>
                      <a:pt x="79497" y="17663"/>
                      <a:pt x="60960" y="11484"/>
                    </a:cubicBezTo>
                    <a:cubicBezTo>
                      <a:pt x="55880" y="7674"/>
                      <a:pt x="52006" y="952"/>
                      <a:pt x="45720" y="54"/>
                    </a:cubicBezTo>
                    <a:cubicBezTo>
                      <a:pt x="41187" y="-594"/>
                      <a:pt x="37808" y="4743"/>
                      <a:pt x="34290" y="7674"/>
                    </a:cubicBezTo>
                    <a:cubicBezTo>
                      <a:pt x="23243" y="16880"/>
                      <a:pt x="20633" y="20863"/>
                      <a:pt x="15240" y="34344"/>
                    </a:cubicBezTo>
                    <a:cubicBezTo>
                      <a:pt x="14768" y="35523"/>
                      <a:pt x="2540" y="50219"/>
                      <a:pt x="0" y="53394"/>
                    </a:cubicBezTo>
                    <a:close/>
                  </a:path>
                </a:pathLst>
              </a:custGeom>
              <a:solidFill>
                <a:srgbClr val="00B0F0">
                  <a:alpha val="54000"/>
                </a:srgbClr>
              </a:solidFill>
              <a:ln w="19050">
                <a:noFill/>
                <a:headEnd type="none" w="med" len="med"/>
                <a:tailEnd type="none" w="med" len="med"/>
              </a:ln>
              <a:effectLst>
                <a:softEdge rad="31750"/>
              </a:effectLst>
            </p:spPr>
            <p:style>
              <a:lnRef idx="2">
                <a:schemeClr val="accent1"/>
              </a:lnRef>
              <a:fillRef idx="1">
                <a:schemeClr val="lt1"/>
              </a:fillRef>
              <a:effectRef idx="0">
                <a:schemeClr val="accent1"/>
              </a:effectRef>
              <a:fontRef idx="minor">
                <a:schemeClr val="dk1"/>
              </a:fontRef>
            </p:style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23" name="Freeform 22"/>
              <p:cNvSpPr/>
              <p:nvPr/>
            </p:nvSpPr>
            <p:spPr bwMode="auto">
              <a:xfrm flipH="1">
                <a:off x="5105792" y="2655074"/>
                <a:ext cx="198120" cy="925884"/>
              </a:xfrm>
              <a:custGeom>
                <a:avLst/>
                <a:gdLst>
                  <a:gd name="connsiteX0" fmla="*/ 0 w 198120"/>
                  <a:gd name="connsiteY0" fmla="*/ 53394 h 925884"/>
                  <a:gd name="connsiteX1" fmla="*/ 0 w 198120"/>
                  <a:gd name="connsiteY1" fmla="*/ 53394 h 925884"/>
                  <a:gd name="connsiteX2" fmla="*/ 15240 w 198120"/>
                  <a:gd name="connsiteY2" fmla="*/ 83874 h 925884"/>
                  <a:gd name="connsiteX3" fmla="*/ 22860 w 198120"/>
                  <a:gd name="connsiteY3" fmla="*/ 160074 h 925884"/>
                  <a:gd name="connsiteX4" fmla="*/ 26670 w 198120"/>
                  <a:gd name="connsiteY4" fmla="*/ 861114 h 925884"/>
                  <a:gd name="connsiteX5" fmla="*/ 30480 w 198120"/>
                  <a:gd name="connsiteY5" fmla="*/ 891594 h 925884"/>
                  <a:gd name="connsiteX6" fmla="*/ 34290 w 198120"/>
                  <a:gd name="connsiteY6" fmla="*/ 903024 h 925884"/>
                  <a:gd name="connsiteX7" fmla="*/ 38100 w 198120"/>
                  <a:gd name="connsiteY7" fmla="*/ 925884 h 925884"/>
                  <a:gd name="connsiteX8" fmla="*/ 49530 w 198120"/>
                  <a:gd name="connsiteY8" fmla="*/ 914454 h 925884"/>
                  <a:gd name="connsiteX9" fmla="*/ 60960 w 198120"/>
                  <a:gd name="connsiteY9" fmla="*/ 906834 h 925884"/>
                  <a:gd name="connsiteX10" fmla="*/ 68580 w 198120"/>
                  <a:gd name="connsiteY10" fmla="*/ 895404 h 925884"/>
                  <a:gd name="connsiteX11" fmla="*/ 91440 w 198120"/>
                  <a:gd name="connsiteY11" fmla="*/ 883974 h 925884"/>
                  <a:gd name="connsiteX12" fmla="*/ 102870 w 198120"/>
                  <a:gd name="connsiteY12" fmla="*/ 872544 h 925884"/>
                  <a:gd name="connsiteX13" fmla="*/ 114300 w 198120"/>
                  <a:gd name="connsiteY13" fmla="*/ 868734 h 925884"/>
                  <a:gd name="connsiteX14" fmla="*/ 121920 w 198120"/>
                  <a:gd name="connsiteY14" fmla="*/ 857304 h 925884"/>
                  <a:gd name="connsiteX15" fmla="*/ 125730 w 198120"/>
                  <a:gd name="connsiteY15" fmla="*/ 842064 h 925884"/>
                  <a:gd name="connsiteX16" fmla="*/ 129540 w 198120"/>
                  <a:gd name="connsiteY16" fmla="*/ 823014 h 925884"/>
                  <a:gd name="connsiteX17" fmla="*/ 133350 w 198120"/>
                  <a:gd name="connsiteY17" fmla="*/ 811584 h 925884"/>
                  <a:gd name="connsiteX18" fmla="*/ 137160 w 198120"/>
                  <a:gd name="connsiteY18" fmla="*/ 796344 h 925884"/>
                  <a:gd name="connsiteX19" fmla="*/ 144780 w 198120"/>
                  <a:gd name="connsiteY19" fmla="*/ 784914 h 925884"/>
                  <a:gd name="connsiteX20" fmla="*/ 148590 w 198120"/>
                  <a:gd name="connsiteY20" fmla="*/ 773484 h 925884"/>
                  <a:gd name="connsiteX21" fmla="*/ 167640 w 198120"/>
                  <a:gd name="connsiteY21" fmla="*/ 750624 h 925884"/>
                  <a:gd name="connsiteX22" fmla="*/ 179070 w 198120"/>
                  <a:gd name="connsiteY22" fmla="*/ 712524 h 925884"/>
                  <a:gd name="connsiteX23" fmla="*/ 186690 w 198120"/>
                  <a:gd name="connsiteY23" fmla="*/ 586794 h 925884"/>
                  <a:gd name="connsiteX24" fmla="*/ 198120 w 198120"/>
                  <a:gd name="connsiteY24" fmla="*/ 468684 h 925884"/>
                  <a:gd name="connsiteX25" fmla="*/ 194310 w 198120"/>
                  <a:gd name="connsiteY25" fmla="*/ 388674 h 925884"/>
                  <a:gd name="connsiteX26" fmla="*/ 186690 w 198120"/>
                  <a:gd name="connsiteY26" fmla="*/ 362004 h 925884"/>
                  <a:gd name="connsiteX27" fmla="*/ 175260 w 198120"/>
                  <a:gd name="connsiteY27" fmla="*/ 213414 h 925884"/>
                  <a:gd name="connsiteX28" fmla="*/ 171450 w 198120"/>
                  <a:gd name="connsiteY28" fmla="*/ 201984 h 925884"/>
                  <a:gd name="connsiteX29" fmla="*/ 163830 w 198120"/>
                  <a:gd name="connsiteY29" fmla="*/ 190554 h 925884"/>
                  <a:gd name="connsiteX30" fmla="*/ 156210 w 198120"/>
                  <a:gd name="connsiteY30" fmla="*/ 163884 h 925884"/>
                  <a:gd name="connsiteX31" fmla="*/ 148590 w 198120"/>
                  <a:gd name="connsiteY31" fmla="*/ 152454 h 925884"/>
                  <a:gd name="connsiteX32" fmla="*/ 140970 w 198120"/>
                  <a:gd name="connsiteY32" fmla="*/ 129594 h 925884"/>
                  <a:gd name="connsiteX33" fmla="*/ 137160 w 198120"/>
                  <a:gd name="connsiteY33" fmla="*/ 118164 h 925884"/>
                  <a:gd name="connsiteX34" fmla="*/ 133350 w 198120"/>
                  <a:gd name="connsiteY34" fmla="*/ 106734 h 925884"/>
                  <a:gd name="connsiteX35" fmla="*/ 129540 w 198120"/>
                  <a:gd name="connsiteY35" fmla="*/ 76254 h 925884"/>
                  <a:gd name="connsiteX36" fmla="*/ 125730 w 198120"/>
                  <a:gd name="connsiteY36" fmla="*/ 61014 h 925884"/>
                  <a:gd name="connsiteX37" fmla="*/ 114300 w 198120"/>
                  <a:gd name="connsiteY37" fmla="*/ 57204 h 925884"/>
                  <a:gd name="connsiteX38" fmla="*/ 102870 w 198120"/>
                  <a:gd name="connsiteY38" fmla="*/ 34344 h 925884"/>
                  <a:gd name="connsiteX39" fmla="*/ 60960 w 198120"/>
                  <a:gd name="connsiteY39" fmla="*/ 11484 h 925884"/>
                  <a:gd name="connsiteX40" fmla="*/ 45720 w 198120"/>
                  <a:gd name="connsiteY40" fmla="*/ 54 h 925884"/>
                  <a:gd name="connsiteX41" fmla="*/ 34290 w 198120"/>
                  <a:gd name="connsiteY41" fmla="*/ 7674 h 925884"/>
                  <a:gd name="connsiteX42" fmla="*/ 15240 w 198120"/>
                  <a:gd name="connsiteY42" fmla="*/ 34344 h 925884"/>
                  <a:gd name="connsiteX43" fmla="*/ 0 w 198120"/>
                  <a:gd name="connsiteY43" fmla="*/ 53394 h 92588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</a:cxnLst>
                <a:rect l="l" t="t" r="r" b="b"/>
                <a:pathLst>
                  <a:path w="198120" h="925884">
                    <a:moveTo>
                      <a:pt x="0" y="53394"/>
                    </a:moveTo>
                    <a:lnTo>
                      <a:pt x="0" y="53394"/>
                    </a:lnTo>
                    <a:cubicBezTo>
                      <a:pt x="5080" y="63554"/>
                      <a:pt x="12035" y="72976"/>
                      <a:pt x="15240" y="83874"/>
                    </a:cubicBezTo>
                    <a:cubicBezTo>
                      <a:pt x="16650" y="88669"/>
                      <a:pt x="22825" y="159693"/>
                      <a:pt x="22860" y="160074"/>
                    </a:cubicBezTo>
                    <a:cubicBezTo>
                      <a:pt x="24130" y="393754"/>
                      <a:pt x="24236" y="627443"/>
                      <a:pt x="26670" y="861114"/>
                    </a:cubicBezTo>
                    <a:cubicBezTo>
                      <a:pt x="26777" y="871353"/>
                      <a:pt x="28648" y="881520"/>
                      <a:pt x="30480" y="891594"/>
                    </a:cubicBezTo>
                    <a:cubicBezTo>
                      <a:pt x="31198" y="895545"/>
                      <a:pt x="33419" y="899104"/>
                      <a:pt x="34290" y="903024"/>
                    </a:cubicBezTo>
                    <a:cubicBezTo>
                      <a:pt x="35966" y="910565"/>
                      <a:pt x="36830" y="918264"/>
                      <a:pt x="38100" y="925884"/>
                    </a:cubicBezTo>
                    <a:cubicBezTo>
                      <a:pt x="41910" y="922074"/>
                      <a:pt x="45391" y="917903"/>
                      <a:pt x="49530" y="914454"/>
                    </a:cubicBezTo>
                    <a:cubicBezTo>
                      <a:pt x="53048" y="911523"/>
                      <a:pt x="57722" y="910072"/>
                      <a:pt x="60960" y="906834"/>
                    </a:cubicBezTo>
                    <a:cubicBezTo>
                      <a:pt x="64198" y="903596"/>
                      <a:pt x="65342" y="898642"/>
                      <a:pt x="68580" y="895404"/>
                    </a:cubicBezTo>
                    <a:cubicBezTo>
                      <a:pt x="75966" y="888018"/>
                      <a:pt x="82144" y="887073"/>
                      <a:pt x="91440" y="883974"/>
                    </a:cubicBezTo>
                    <a:cubicBezTo>
                      <a:pt x="95250" y="880164"/>
                      <a:pt x="98387" y="875533"/>
                      <a:pt x="102870" y="872544"/>
                    </a:cubicBezTo>
                    <a:cubicBezTo>
                      <a:pt x="106212" y="870316"/>
                      <a:pt x="111164" y="871243"/>
                      <a:pt x="114300" y="868734"/>
                    </a:cubicBezTo>
                    <a:cubicBezTo>
                      <a:pt x="117876" y="865873"/>
                      <a:pt x="119380" y="861114"/>
                      <a:pt x="121920" y="857304"/>
                    </a:cubicBezTo>
                    <a:cubicBezTo>
                      <a:pt x="123190" y="852224"/>
                      <a:pt x="124594" y="847176"/>
                      <a:pt x="125730" y="842064"/>
                    </a:cubicBezTo>
                    <a:cubicBezTo>
                      <a:pt x="127135" y="835742"/>
                      <a:pt x="127969" y="829296"/>
                      <a:pt x="129540" y="823014"/>
                    </a:cubicBezTo>
                    <a:cubicBezTo>
                      <a:pt x="130514" y="819118"/>
                      <a:pt x="132247" y="815446"/>
                      <a:pt x="133350" y="811584"/>
                    </a:cubicBezTo>
                    <a:cubicBezTo>
                      <a:pt x="134789" y="806549"/>
                      <a:pt x="135097" y="801157"/>
                      <a:pt x="137160" y="796344"/>
                    </a:cubicBezTo>
                    <a:cubicBezTo>
                      <a:pt x="138964" y="792135"/>
                      <a:pt x="142732" y="789010"/>
                      <a:pt x="144780" y="784914"/>
                    </a:cubicBezTo>
                    <a:cubicBezTo>
                      <a:pt x="146576" y="781322"/>
                      <a:pt x="146794" y="777076"/>
                      <a:pt x="148590" y="773484"/>
                    </a:cubicBezTo>
                    <a:cubicBezTo>
                      <a:pt x="153894" y="762875"/>
                      <a:pt x="159214" y="759050"/>
                      <a:pt x="167640" y="750624"/>
                    </a:cubicBezTo>
                    <a:cubicBezTo>
                      <a:pt x="176916" y="722796"/>
                      <a:pt x="173312" y="735556"/>
                      <a:pt x="179070" y="712524"/>
                    </a:cubicBezTo>
                    <a:cubicBezTo>
                      <a:pt x="187542" y="636273"/>
                      <a:pt x="178970" y="720603"/>
                      <a:pt x="186690" y="586794"/>
                    </a:cubicBezTo>
                    <a:cubicBezTo>
                      <a:pt x="192757" y="481624"/>
                      <a:pt x="183243" y="513314"/>
                      <a:pt x="198120" y="468684"/>
                    </a:cubicBezTo>
                    <a:cubicBezTo>
                      <a:pt x="196850" y="442014"/>
                      <a:pt x="196439" y="415289"/>
                      <a:pt x="194310" y="388674"/>
                    </a:cubicBezTo>
                    <a:cubicBezTo>
                      <a:pt x="193806" y="382379"/>
                      <a:pt x="188873" y="368553"/>
                      <a:pt x="186690" y="362004"/>
                    </a:cubicBezTo>
                    <a:cubicBezTo>
                      <a:pt x="182880" y="312474"/>
                      <a:pt x="190969" y="260541"/>
                      <a:pt x="175260" y="213414"/>
                    </a:cubicBezTo>
                    <a:cubicBezTo>
                      <a:pt x="173990" y="209604"/>
                      <a:pt x="173246" y="205576"/>
                      <a:pt x="171450" y="201984"/>
                    </a:cubicBezTo>
                    <a:cubicBezTo>
                      <a:pt x="169402" y="197888"/>
                      <a:pt x="166370" y="194364"/>
                      <a:pt x="163830" y="190554"/>
                    </a:cubicBezTo>
                    <a:cubicBezTo>
                      <a:pt x="162609" y="185671"/>
                      <a:pt x="158943" y="169350"/>
                      <a:pt x="156210" y="163884"/>
                    </a:cubicBezTo>
                    <a:cubicBezTo>
                      <a:pt x="154162" y="159788"/>
                      <a:pt x="150450" y="156638"/>
                      <a:pt x="148590" y="152454"/>
                    </a:cubicBezTo>
                    <a:cubicBezTo>
                      <a:pt x="145328" y="145114"/>
                      <a:pt x="143510" y="137214"/>
                      <a:pt x="140970" y="129594"/>
                    </a:cubicBezTo>
                    <a:lnTo>
                      <a:pt x="137160" y="118164"/>
                    </a:lnTo>
                    <a:lnTo>
                      <a:pt x="133350" y="106734"/>
                    </a:lnTo>
                    <a:cubicBezTo>
                      <a:pt x="132080" y="96574"/>
                      <a:pt x="131223" y="86354"/>
                      <a:pt x="129540" y="76254"/>
                    </a:cubicBezTo>
                    <a:cubicBezTo>
                      <a:pt x="128679" y="71089"/>
                      <a:pt x="129001" y="65103"/>
                      <a:pt x="125730" y="61014"/>
                    </a:cubicBezTo>
                    <a:cubicBezTo>
                      <a:pt x="123221" y="57878"/>
                      <a:pt x="118110" y="58474"/>
                      <a:pt x="114300" y="57204"/>
                    </a:cubicBezTo>
                    <a:cubicBezTo>
                      <a:pt x="111790" y="49674"/>
                      <a:pt x="109584" y="39715"/>
                      <a:pt x="102870" y="34344"/>
                    </a:cubicBezTo>
                    <a:cubicBezTo>
                      <a:pt x="81691" y="17401"/>
                      <a:pt x="79497" y="17663"/>
                      <a:pt x="60960" y="11484"/>
                    </a:cubicBezTo>
                    <a:cubicBezTo>
                      <a:pt x="55880" y="7674"/>
                      <a:pt x="52006" y="952"/>
                      <a:pt x="45720" y="54"/>
                    </a:cubicBezTo>
                    <a:cubicBezTo>
                      <a:pt x="41187" y="-594"/>
                      <a:pt x="37808" y="4743"/>
                      <a:pt x="34290" y="7674"/>
                    </a:cubicBezTo>
                    <a:cubicBezTo>
                      <a:pt x="23243" y="16880"/>
                      <a:pt x="20633" y="20863"/>
                      <a:pt x="15240" y="34344"/>
                    </a:cubicBezTo>
                    <a:cubicBezTo>
                      <a:pt x="14768" y="35523"/>
                      <a:pt x="2540" y="50219"/>
                      <a:pt x="0" y="53394"/>
                    </a:cubicBezTo>
                    <a:close/>
                  </a:path>
                </a:pathLst>
              </a:custGeom>
              <a:solidFill>
                <a:srgbClr val="00B0F0">
                  <a:alpha val="54000"/>
                </a:srgbClr>
              </a:solidFill>
              <a:ln w="19050">
                <a:noFill/>
                <a:headEnd type="none" w="med" len="med"/>
                <a:tailEnd type="none" w="med" len="med"/>
              </a:ln>
              <a:effectLst>
                <a:softEdge rad="31750"/>
              </a:effectLst>
            </p:spPr>
            <p:style>
              <a:lnRef idx="2">
                <a:schemeClr val="accent1"/>
              </a:lnRef>
              <a:fillRef idx="1">
                <a:schemeClr val="lt1"/>
              </a:fillRef>
              <a:effectRef idx="0">
                <a:schemeClr val="accent1"/>
              </a:effectRef>
              <a:fontRef idx="minor">
                <a:schemeClr val="dk1"/>
              </a:fontRef>
            </p:style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24" name="Freeform 23"/>
              <p:cNvSpPr/>
              <p:nvPr/>
            </p:nvSpPr>
            <p:spPr bwMode="auto">
              <a:xfrm>
                <a:off x="6257920" y="2575999"/>
                <a:ext cx="198120" cy="925884"/>
              </a:xfrm>
              <a:custGeom>
                <a:avLst/>
                <a:gdLst>
                  <a:gd name="connsiteX0" fmla="*/ 0 w 198120"/>
                  <a:gd name="connsiteY0" fmla="*/ 53394 h 925884"/>
                  <a:gd name="connsiteX1" fmla="*/ 0 w 198120"/>
                  <a:gd name="connsiteY1" fmla="*/ 53394 h 925884"/>
                  <a:gd name="connsiteX2" fmla="*/ 15240 w 198120"/>
                  <a:gd name="connsiteY2" fmla="*/ 83874 h 925884"/>
                  <a:gd name="connsiteX3" fmla="*/ 22860 w 198120"/>
                  <a:gd name="connsiteY3" fmla="*/ 160074 h 925884"/>
                  <a:gd name="connsiteX4" fmla="*/ 26670 w 198120"/>
                  <a:gd name="connsiteY4" fmla="*/ 861114 h 925884"/>
                  <a:gd name="connsiteX5" fmla="*/ 30480 w 198120"/>
                  <a:gd name="connsiteY5" fmla="*/ 891594 h 925884"/>
                  <a:gd name="connsiteX6" fmla="*/ 34290 w 198120"/>
                  <a:gd name="connsiteY6" fmla="*/ 903024 h 925884"/>
                  <a:gd name="connsiteX7" fmla="*/ 38100 w 198120"/>
                  <a:gd name="connsiteY7" fmla="*/ 925884 h 925884"/>
                  <a:gd name="connsiteX8" fmla="*/ 49530 w 198120"/>
                  <a:gd name="connsiteY8" fmla="*/ 914454 h 925884"/>
                  <a:gd name="connsiteX9" fmla="*/ 60960 w 198120"/>
                  <a:gd name="connsiteY9" fmla="*/ 906834 h 925884"/>
                  <a:gd name="connsiteX10" fmla="*/ 68580 w 198120"/>
                  <a:gd name="connsiteY10" fmla="*/ 895404 h 925884"/>
                  <a:gd name="connsiteX11" fmla="*/ 91440 w 198120"/>
                  <a:gd name="connsiteY11" fmla="*/ 883974 h 925884"/>
                  <a:gd name="connsiteX12" fmla="*/ 102870 w 198120"/>
                  <a:gd name="connsiteY12" fmla="*/ 872544 h 925884"/>
                  <a:gd name="connsiteX13" fmla="*/ 114300 w 198120"/>
                  <a:gd name="connsiteY13" fmla="*/ 868734 h 925884"/>
                  <a:gd name="connsiteX14" fmla="*/ 121920 w 198120"/>
                  <a:gd name="connsiteY14" fmla="*/ 857304 h 925884"/>
                  <a:gd name="connsiteX15" fmla="*/ 125730 w 198120"/>
                  <a:gd name="connsiteY15" fmla="*/ 842064 h 925884"/>
                  <a:gd name="connsiteX16" fmla="*/ 129540 w 198120"/>
                  <a:gd name="connsiteY16" fmla="*/ 823014 h 925884"/>
                  <a:gd name="connsiteX17" fmla="*/ 133350 w 198120"/>
                  <a:gd name="connsiteY17" fmla="*/ 811584 h 925884"/>
                  <a:gd name="connsiteX18" fmla="*/ 137160 w 198120"/>
                  <a:gd name="connsiteY18" fmla="*/ 796344 h 925884"/>
                  <a:gd name="connsiteX19" fmla="*/ 144780 w 198120"/>
                  <a:gd name="connsiteY19" fmla="*/ 784914 h 925884"/>
                  <a:gd name="connsiteX20" fmla="*/ 148590 w 198120"/>
                  <a:gd name="connsiteY20" fmla="*/ 773484 h 925884"/>
                  <a:gd name="connsiteX21" fmla="*/ 167640 w 198120"/>
                  <a:gd name="connsiteY21" fmla="*/ 750624 h 925884"/>
                  <a:gd name="connsiteX22" fmla="*/ 179070 w 198120"/>
                  <a:gd name="connsiteY22" fmla="*/ 712524 h 925884"/>
                  <a:gd name="connsiteX23" fmla="*/ 186690 w 198120"/>
                  <a:gd name="connsiteY23" fmla="*/ 586794 h 925884"/>
                  <a:gd name="connsiteX24" fmla="*/ 198120 w 198120"/>
                  <a:gd name="connsiteY24" fmla="*/ 468684 h 925884"/>
                  <a:gd name="connsiteX25" fmla="*/ 194310 w 198120"/>
                  <a:gd name="connsiteY25" fmla="*/ 388674 h 925884"/>
                  <a:gd name="connsiteX26" fmla="*/ 186690 w 198120"/>
                  <a:gd name="connsiteY26" fmla="*/ 362004 h 925884"/>
                  <a:gd name="connsiteX27" fmla="*/ 175260 w 198120"/>
                  <a:gd name="connsiteY27" fmla="*/ 213414 h 925884"/>
                  <a:gd name="connsiteX28" fmla="*/ 171450 w 198120"/>
                  <a:gd name="connsiteY28" fmla="*/ 201984 h 925884"/>
                  <a:gd name="connsiteX29" fmla="*/ 163830 w 198120"/>
                  <a:gd name="connsiteY29" fmla="*/ 190554 h 925884"/>
                  <a:gd name="connsiteX30" fmla="*/ 156210 w 198120"/>
                  <a:gd name="connsiteY30" fmla="*/ 163884 h 925884"/>
                  <a:gd name="connsiteX31" fmla="*/ 148590 w 198120"/>
                  <a:gd name="connsiteY31" fmla="*/ 152454 h 925884"/>
                  <a:gd name="connsiteX32" fmla="*/ 140970 w 198120"/>
                  <a:gd name="connsiteY32" fmla="*/ 129594 h 925884"/>
                  <a:gd name="connsiteX33" fmla="*/ 137160 w 198120"/>
                  <a:gd name="connsiteY33" fmla="*/ 118164 h 925884"/>
                  <a:gd name="connsiteX34" fmla="*/ 133350 w 198120"/>
                  <a:gd name="connsiteY34" fmla="*/ 106734 h 925884"/>
                  <a:gd name="connsiteX35" fmla="*/ 129540 w 198120"/>
                  <a:gd name="connsiteY35" fmla="*/ 76254 h 925884"/>
                  <a:gd name="connsiteX36" fmla="*/ 125730 w 198120"/>
                  <a:gd name="connsiteY36" fmla="*/ 61014 h 925884"/>
                  <a:gd name="connsiteX37" fmla="*/ 114300 w 198120"/>
                  <a:gd name="connsiteY37" fmla="*/ 57204 h 925884"/>
                  <a:gd name="connsiteX38" fmla="*/ 102870 w 198120"/>
                  <a:gd name="connsiteY38" fmla="*/ 34344 h 925884"/>
                  <a:gd name="connsiteX39" fmla="*/ 60960 w 198120"/>
                  <a:gd name="connsiteY39" fmla="*/ 11484 h 925884"/>
                  <a:gd name="connsiteX40" fmla="*/ 45720 w 198120"/>
                  <a:gd name="connsiteY40" fmla="*/ 54 h 925884"/>
                  <a:gd name="connsiteX41" fmla="*/ 34290 w 198120"/>
                  <a:gd name="connsiteY41" fmla="*/ 7674 h 925884"/>
                  <a:gd name="connsiteX42" fmla="*/ 15240 w 198120"/>
                  <a:gd name="connsiteY42" fmla="*/ 34344 h 925884"/>
                  <a:gd name="connsiteX43" fmla="*/ 0 w 198120"/>
                  <a:gd name="connsiteY43" fmla="*/ 53394 h 925884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  <a:cxn ang="0">
                    <a:pos x="connsiteX15" y="connsiteY15"/>
                  </a:cxn>
                  <a:cxn ang="0">
                    <a:pos x="connsiteX16" y="connsiteY16"/>
                  </a:cxn>
                  <a:cxn ang="0">
                    <a:pos x="connsiteX17" y="connsiteY17"/>
                  </a:cxn>
                  <a:cxn ang="0">
                    <a:pos x="connsiteX18" y="connsiteY18"/>
                  </a:cxn>
                  <a:cxn ang="0">
                    <a:pos x="connsiteX19" y="connsiteY19"/>
                  </a:cxn>
                  <a:cxn ang="0">
                    <a:pos x="connsiteX20" y="connsiteY20"/>
                  </a:cxn>
                  <a:cxn ang="0">
                    <a:pos x="connsiteX21" y="connsiteY21"/>
                  </a:cxn>
                  <a:cxn ang="0">
                    <a:pos x="connsiteX22" y="connsiteY22"/>
                  </a:cxn>
                  <a:cxn ang="0">
                    <a:pos x="connsiteX23" y="connsiteY23"/>
                  </a:cxn>
                  <a:cxn ang="0">
                    <a:pos x="connsiteX24" y="connsiteY24"/>
                  </a:cxn>
                  <a:cxn ang="0">
                    <a:pos x="connsiteX25" y="connsiteY25"/>
                  </a:cxn>
                  <a:cxn ang="0">
                    <a:pos x="connsiteX26" y="connsiteY26"/>
                  </a:cxn>
                  <a:cxn ang="0">
                    <a:pos x="connsiteX27" y="connsiteY27"/>
                  </a:cxn>
                  <a:cxn ang="0">
                    <a:pos x="connsiteX28" y="connsiteY28"/>
                  </a:cxn>
                  <a:cxn ang="0">
                    <a:pos x="connsiteX29" y="connsiteY29"/>
                  </a:cxn>
                  <a:cxn ang="0">
                    <a:pos x="connsiteX30" y="connsiteY30"/>
                  </a:cxn>
                  <a:cxn ang="0">
                    <a:pos x="connsiteX31" y="connsiteY31"/>
                  </a:cxn>
                  <a:cxn ang="0">
                    <a:pos x="connsiteX32" y="connsiteY32"/>
                  </a:cxn>
                  <a:cxn ang="0">
                    <a:pos x="connsiteX33" y="connsiteY33"/>
                  </a:cxn>
                  <a:cxn ang="0">
                    <a:pos x="connsiteX34" y="connsiteY34"/>
                  </a:cxn>
                  <a:cxn ang="0">
                    <a:pos x="connsiteX35" y="connsiteY35"/>
                  </a:cxn>
                  <a:cxn ang="0">
                    <a:pos x="connsiteX36" y="connsiteY36"/>
                  </a:cxn>
                  <a:cxn ang="0">
                    <a:pos x="connsiteX37" y="connsiteY37"/>
                  </a:cxn>
                  <a:cxn ang="0">
                    <a:pos x="connsiteX38" y="connsiteY38"/>
                  </a:cxn>
                  <a:cxn ang="0">
                    <a:pos x="connsiteX39" y="connsiteY39"/>
                  </a:cxn>
                  <a:cxn ang="0">
                    <a:pos x="connsiteX40" y="connsiteY40"/>
                  </a:cxn>
                  <a:cxn ang="0">
                    <a:pos x="connsiteX41" y="connsiteY41"/>
                  </a:cxn>
                  <a:cxn ang="0">
                    <a:pos x="connsiteX42" y="connsiteY42"/>
                  </a:cxn>
                  <a:cxn ang="0">
                    <a:pos x="connsiteX43" y="connsiteY43"/>
                  </a:cxn>
                </a:cxnLst>
                <a:rect l="l" t="t" r="r" b="b"/>
                <a:pathLst>
                  <a:path w="198120" h="925884">
                    <a:moveTo>
                      <a:pt x="0" y="53394"/>
                    </a:moveTo>
                    <a:lnTo>
                      <a:pt x="0" y="53394"/>
                    </a:lnTo>
                    <a:cubicBezTo>
                      <a:pt x="5080" y="63554"/>
                      <a:pt x="12035" y="72976"/>
                      <a:pt x="15240" y="83874"/>
                    </a:cubicBezTo>
                    <a:cubicBezTo>
                      <a:pt x="16650" y="88669"/>
                      <a:pt x="22825" y="159693"/>
                      <a:pt x="22860" y="160074"/>
                    </a:cubicBezTo>
                    <a:cubicBezTo>
                      <a:pt x="24130" y="393754"/>
                      <a:pt x="24236" y="627443"/>
                      <a:pt x="26670" y="861114"/>
                    </a:cubicBezTo>
                    <a:cubicBezTo>
                      <a:pt x="26777" y="871353"/>
                      <a:pt x="28648" y="881520"/>
                      <a:pt x="30480" y="891594"/>
                    </a:cubicBezTo>
                    <a:cubicBezTo>
                      <a:pt x="31198" y="895545"/>
                      <a:pt x="33419" y="899104"/>
                      <a:pt x="34290" y="903024"/>
                    </a:cubicBezTo>
                    <a:cubicBezTo>
                      <a:pt x="35966" y="910565"/>
                      <a:pt x="36830" y="918264"/>
                      <a:pt x="38100" y="925884"/>
                    </a:cubicBezTo>
                    <a:cubicBezTo>
                      <a:pt x="41910" y="922074"/>
                      <a:pt x="45391" y="917903"/>
                      <a:pt x="49530" y="914454"/>
                    </a:cubicBezTo>
                    <a:cubicBezTo>
                      <a:pt x="53048" y="911523"/>
                      <a:pt x="57722" y="910072"/>
                      <a:pt x="60960" y="906834"/>
                    </a:cubicBezTo>
                    <a:cubicBezTo>
                      <a:pt x="64198" y="903596"/>
                      <a:pt x="65342" y="898642"/>
                      <a:pt x="68580" y="895404"/>
                    </a:cubicBezTo>
                    <a:cubicBezTo>
                      <a:pt x="75966" y="888018"/>
                      <a:pt x="82144" y="887073"/>
                      <a:pt x="91440" y="883974"/>
                    </a:cubicBezTo>
                    <a:cubicBezTo>
                      <a:pt x="95250" y="880164"/>
                      <a:pt x="98387" y="875533"/>
                      <a:pt x="102870" y="872544"/>
                    </a:cubicBezTo>
                    <a:cubicBezTo>
                      <a:pt x="106212" y="870316"/>
                      <a:pt x="111164" y="871243"/>
                      <a:pt x="114300" y="868734"/>
                    </a:cubicBezTo>
                    <a:cubicBezTo>
                      <a:pt x="117876" y="865873"/>
                      <a:pt x="119380" y="861114"/>
                      <a:pt x="121920" y="857304"/>
                    </a:cubicBezTo>
                    <a:cubicBezTo>
                      <a:pt x="123190" y="852224"/>
                      <a:pt x="124594" y="847176"/>
                      <a:pt x="125730" y="842064"/>
                    </a:cubicBezTo>
                    <a:cubicBezTo>
                      <a:pt x="127135" y="835742"/>
                      <a:pt x="127969" y="829296"/>
                      <a:pt x="129540" y="823014"/>
                    </a:cubicBezTo>
                    <a:cubicBezTo>
                      <a:pt x="130514" y="819118"/>
                      <a:pt x="132247" y="815446"/>
                      <a:pt x="133350" y="811584"/>
                    </a:cubicBezTo>
                    <a:cubicBezTo>
                      <a:pt x="134789" y="806549"/>
                      <a:pt x="135097" y="801157"/>
                      <a:pt x="137160" y="796344"/>
                    </a:cubicBezTo>
                    <a:cubicBezTo>
                      <a:pt x="138964" y="792135"/>
                      <a:pt x="142732" y="789010"/>
                      <a:pt x="144780" y="784914"/>
                    </a:cubicBezTo>
                    <a:cubicBezTo>
                      <a:pt x="146576" y="781322"/>
                      <a:pt x="146794" y="777076"/>
                      <a:pt x="148590" y="773484"/>
                    </a:cubicBezTo>
                    <a:cubicBezTo>
                      <a:pt x="153894" y="762875"/>
                      <a:pt x="159214" y="759050"/>
                      <a:pt x="167640" y="750624"/>
                    </a:cubicBezTo>
                    <a:cubicBezTo>
                      <a:pt x="176916" y="722796"/>
                      <a:pt x="173312" y="735556"/>
                      <a:pt x="179070" y="712524"/>
                    </a:cubicBezTo>
                    <a:cubicBezTo>
                      <a:pt x="187542" y="636273"/>
                      <a:pt x="178970" y="720603"/>
                      <a:pt x="186690" y="586794"/>
                    </a:cubicBezTo>
                    <a:cubicBezTo>
                      <a:pt x="192757" y="481624"/>
                      <a:pt x="183243" y="513314"/>
                      <a:pt x="198120" y="468684"/>
                    </a:cubicBezTo>
                    <a:cubicBezTo>
                      <a:pt x="196850" y="442014"/>
                      <a:pt x="196439" y="415289"/>
                      <a:pt x="194310" y="388674"/>
                    </a:cubicBezTo>
                    <a:cubicBezTo>
                      <a:pt x="193806" y="382379"/>
                      <a:pt x="188873" y="368553"/>
                      <a:pt x="186690" y="362004"/>
                    </a:cubicBezTo>
                    <a:cubicBezTo>
                      <a:pt x="182880" y="312474"/>
                      <a:pt x="190969" y="260541"/>
                      <a:pt x="175260" y="213414"/>
                    </a:cubicBezTo>
                    <a:cubicBezTo>
                      <a:pt x="173990" y="209604"/>
                      <a:pt x="173246" y="205576"/>
                      <a:pt x="171450" y="201984"/>
                    </a:cubicBezTo>
                    <a:cubicBezTo>
                      <a:pt x="169402" y="197888"/>
                      <a:pt x="166370" y="194364"/>
                      <a:pt x="163830" y="190554"/>
                    </a:cubicBezTo>
                    <a:cubicBezTo>
                      <a:pt x="162609" y="185671"/>
                      <a:pt x="158943" y="169350"/>
                      <a:pt x="156210" y="163884"/>
                    </a:cubicBezTo>
                    <a:cubicBezTo>
                      <a:pt x="154162" y="159788"/>
                      <a:pt x="150450" y="156638"/>
                      <a:pt x="148590" y="152454"/>
                    </a:cubicBezTo>
                    <a:cubicBezTo>
                      <a:pt x="145328" y="145114"/>
                      <a:pt x="143510" y="137214"/>
                      <a:pt x="140970" y="129594"/>
                    </a:cubicBezTo>
                    <a:lnTo>
                      <a:pt x="137160" y="118164"/>
                    </a:lnTo>
                    <a:lnTo>
                      <a:pt x="133350" y="106734"/>
                    </a:lnTo>
                    <a:cubicBezTo>
                      <a:pt x="132080" y="96574"/>
                      <a:pt x="131223" y="86354"/>
                      <a:pt x="129540" y="76254"/>
                    </a:cubicBezTo>
                    <a:cubicBezTo>
                      <a:pt x="128679" y="71089"/>
                      <a:pt x="129001" y="65103"/>
                      <a:pt x="125730" y="61014"/>
                    </a:cubicBezTo>
                    <a:cubicBezTo>
                      <a:pt x="123221" y="57878"/>
                      <a:pt x="118110" y="58474"/>
                      <a:pt x="114300" y="57204"/>
                    </a:cubicBezTo>
                    <a:cubicBezTo>
                      <a:pt x="111790" y="49674"/>
                      <a:pt x="109584" y="39715"/>
                      <a:pt x="102870" y="34344"/>
                    </a:cubicBezTo>
                    <a:cubicBezTo>
                      <a:pt x="81691" y="17401"/>
                      <a:pt x="79497" y="17663"/>
                      <a:pt x="60960" y="11484"/>
                    </a:cubicBezTo>
                    <a:cubicBezTo>
                      <a:pt x="55880" y="7674"/>
                      <a:pt x="52006" y="952"/>
                      <a:pt x="45720" y="54"/>
                    </a:cubicBezTo>
                    <a:cubicBezTo>
                      <a:pt x="41187" y="-594"/>
                      <a:pt x="37808" y="4743"/>
                      <a:pt x="34290" y="7674"/>
                    </a:cubicBezTo>
                    <a:cubicBezTo>
                      <a:pt x="23243" y="16880"/>
                      <a:pt x="20633" y="20863"/>
                      <a:pt x="15240" y="34344"/>
                    </a:cubicBezTo>
                    <a:cubicBezTo>
                      <a:pt x="14768" y="35523"/>
                      <a:pt x="2540" y="50219"/>
                      <a:pt x="0" y="53394"/>
                    </a:cubicBezTo>
                    <a:close/>
                  </a:path>
                </a:pathLst>
              </a:custGeom>
              <a:solidFill>
                <a:srgbClr val="00B0F0">
                  <a:alpha val="54000"/>
                </a:srgbClr>
              </a:solidFill>
              <a:ln w="19050">
                <a:noFill/>
                <a:headEnd type="none" w="med" len="med"/>
                <a:tailEnd type="none" w="med" len="med"/>
              </a:ln>
              <a:effectLst>
                <a:softEdge rad="31750"/>
              </a:effectLst>
            </p:spPr>
            <p:style>
              <a:lnRef idx="2">
                <a:schemeClr val="accent1"/>
              </a:lnRef>
              <a:fillRef idx="1">
                <a:schemeClr val="lt1"/>
              </a:fillRef>
              <a:effectRef idx="0">
                <a:schemeClr val="accent1"/>
              </a:effectRef>
              <a:fontRef idx="minor">
                <a:schemeClr val="dk1"/>
              </a:fontRef>
            </p:style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</p:grpSp>
        <p:sp>
          <p:nvSpPr>
            <p:cNvPr id="28" name="Freeform 27"/>
            <p:cNvSpPr/>
            <p:nvPr/>
          </p:nvSpPr>
          <p:spPr bwMode="auto">
            <a:xfrm flipH="1">
              <a:off x="6535505" y="3658085"/>
              <a:ext cx="198120" cy="925884"/>
            </a:xfrm>
            <a:custGeom>
              <a:avLst/>
              <a:gdLst>
                <a:gd name="connsiteX0" fmla="*/ 0 w 198120"/>
                <a:gd name="connsiteY0" fmla="*/ 53394 h 925884"/>
                <a:gd name="connsiteX1" fmla="*/ 0 w 198120"/>
                <a:gd name="connsiteY1" fmla="*/ 53394 h 925884"/>
                <a:gd name="connsiteX2" fmla="*/ 15240 w 198120"/>
                <a:gd name="connsiteY2" fmla="*/ 83874 h 925884"/>
                <a:gd name="connsiteX3" fmla="*/ 22860 w 198120"/>
                <a:gd name="connsiteY3" fmla="*/ 160074 h 925884"/>
                <a:gd name="connsiteX4" fmla="*/ 26670 w 198120"/>
                <a:gd name="connsiteY4" fmla="*/ 861114 h 925884"/>
                <a:gd name="connsiteX5" fmla="*/ 30480 w 198120"/>
                <a:gd name="connsiteY5" fmla="*/ 891594 h 925884"/>
                <a:gd name="connsiteX6" fmla="*/ 34290 w 198120"/>
                <a:gd name="connsiteY6" fmla="*/ 903024 h 925884"/>
                <a:gd name="connsiteX7" fmla="*/ 38100 w 198120"/>
                <a:gd name="connsiteY7" fmla="*/ 925884 h 925884"/>
                <a:gd name="connsiteX8" fmla="*/ 49530 w 198120"/>
                <a:gd name="connsiteY8" fmla="*/ 914454 h 925884"/>
                <a:gd name="connsiteX9" fmla="*/ 60960 w 198120"/>
                <a:gd name="connsiteY9" fmla="*/ 906834 h 925884"/>
                <a:gd name="connsiteX10" fmla="*/ 68580 w 198120"/>
                <a:gd name="connsiteY10" fmla="*/ 895404 h 925884"/>
                <a:gd name="connsiteX11" fmla="*/ 91440 w 198120"/>
                <a:gd name="connsiteY11" fmla="*/ 883974 h 925884"/>
                <a:gd name="connsiteX12" fmla="*/ 102870 w 198120"/>
                <a:gd name="connsiteY12" fmla="*/ 872544 h 925884"/>
                <a:gd name="connsiteX13" fmla="*/ 114300 w 198120"/>
                <a:gd name="connsiteY13" fmla="*/ 868734 h 925884"/>
                <a:gd name="connsiteX14" fmla="*/ 121920 w 198120"/>
                <a:gd name="connsiteY14" fmla="*/ 857304 h 925884"/>
                <a:gd name="connsiteX15" fmla="*/ 125730 w 198120"/>
                <a:gd name="connsiteY15" fmla="*/ 842064 h 925884"/>
                <a:gd name="connsiteX16" fmla="*/ 129540 w 198120"/>
                <a:gd name="connsiteY16" fmla="*/ 823014 h 925884"/>
                <a:gd name="connsiteX17" fmla="*/ 133350 w 198120"/>
                <a:gd name="connsiteY17" fmla="*/ 811584 h 925884"/>
                <a:gd name="connsiteX18" fmla="*/ 137160 w 198120"/>
                <a:gd name="connsiteY18" fmla="*/ 796344 h 925884"/>
                <a:gd name="connsiteX19" fmla="*/ 144780 w 198120"/>
                <a:gd name="connsiteY19" fmla="*/ 784914 h 925884"/>
                <a:gd name="connsiteX20" fmla="*/ 148590 w 198120"/>
                <a:gd name="connsiteY20" fmla="*/ 773484 h 925884"/>
                <a:gd name="connsiteX21" fmla="*/ 167640 w 198120"/>
                <a:gd name="connsiteY21" fmla="*/ 750624 h 925884"/>
                <a:gd name="connsiteX22" fmla="*/ 179070 w 198120"/>
                <a:gd name="connsiteY22" fmla="*/ 712524 h 925884"/>
                <a:gd name="connsiteX23" fmla="*/ 186690 w 198120"/>
                <a:gd name="connsiteY23" fmla="*/ 586794 h 925884"/>
                <a:gd name="connsiteX24" fmla="*/ 198120 w 198120"/>
                <a:gd name="connsiteY24" fmla="*/ 468684 h 925884"/>
                <a:gd name="connsiteX25" fmla="*/ 194310 w 198120"/>
                <a:gd name="connsiteY25" fmla="*/ 388674 h 925884"/>
                <a:gd name="connsiteX26" fmla="*/ 186690 w 198120"/>
                <a:gd name="connsiteY26" fmla="*/ 362004 h 925884"/>
                <a:gd name="connsiteX27" fmla="*/ 175260 w 198120"/>
                <a:gd name="connsiteY27" fmla="*/ 213414 h 925884"/>
                <a:gd name="connsiteX28" fmla="*/ 171450 w 198120"/>
                <a:gd name="connsiteY28" fmla="*/ 201984 h 925884"/>
                <a:gd name="connsiteX29" fmla="*/ 163830 w 198120"/>
                <a:gd name="connsiteY29" fmla="*/ 190554 h 925884"/>
                <a:gd name="connsiteX30" fmla="*/ 156210 w 198120"/>
                <a:gd name="connsiteY30" fmla="*/ 163884 h 925884"/>
                <a:gd name="connsiteX31" fmla="*/ 148590 w 198120"/>
                <a:gd name="connsiteY31" fmla="*/ 152454 h 925884"/>
                <a:gd name="connsiteX32" fmla="*/ 140970 w 198120"/>
                <a:gd name="connsiteY32" fmla="*/ 129594 h 925884"/>
                <a:gd name="connsiteX33" fmla="*/ 137160 w 198120"/>
                <a:gd name="connsiteY33" fmla="*/ 118164 h 925884"/>
                <a:gd name="connsiteX34" fmla="*/ 133350 w 198120"/>
                <a:gd name="connsiteY34" fmla="*/ 106734 h 925884"/>
                <a:gd name="connsiteX35" fmla="*/ 129540 w 198120"/>
                <a:gd name="connsiteY35" fmla="*/ 76254 h 925884"/>
                <a:gd name="connsiteX36" fmla="*/ 125730 w 198120"/>
                <a:gd name="connsiteY36" fmla="*/ 61014 h 925884"/>
                <a:gd name="connsiteX37" fmla="*/ 114300 w 198120"/>
                <a:gd name="connsiteY37" fmla="*/ 57204 h 925884"/>
                <a:gd name="connsiteX38" fmla="*/ 102870 w 198120"/>
                <a:gd name="connsiteY38" fmla="*/ 34344 h 925884"/>
                <a:gd name="connsiteX39" fmla="*/ 60960 w 198120"/>
                <a:gd name="connsiteY39" fmla="*/ 11484 h 925884"/>
                <a:gd name="connsiteX40" fmla="*/ 45720 w 198120"/>
                <a:gd name="connsiteY40" fmla="*/ 54 h 925884"/>
                <a:gd name="connsiteX41" fmla="*/ 34290 w 198120"/>
                <a:gd name="connsiteY41" fmla="*/ 7674 h 925884"/>
                <a:gd name="connsiteX42" fmla="*/ 15240 w 198120"/>
                <a:gd name="connsiteY42" fmla="*/ 34344 h 925884"/>
                <a:gd name="connsiteX43" fmla="*/ 0 w 198120"/>
                <a:gd name="connsiteY43" fmla="*/ 53394 h 92588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</a:cxnLst>
              <a:rect l="l" t="t" r="r" b="b"/>
              <a:pathLst>
                <a:path w="198120" h="925884">
                  <a:moveTo>
                    <a:pt x="0" y="53394"/>
                  </a:moveTo>
                  <a:lnTo>
                    <a:pt x="0" y="53394"/>
                  </a:lnTo>
                  <a:cubicBezTo>
                    <a:pt x="5080" y="63554"/>
                    <a:pt x="12035" y="72976"/>
                    <a:pt x="15240" y="83874"/>
                  </a:cubicBezTo>
                  <a:cubicBezTo>
                    <a:pt x="16650" y="88669"/>
                    <a:pt x="22825" y="159693"/>
                    <a:pt x="22860" y="160074"/>
                  </a:cubicBezTo>
                  <a:cubicBezTo>
                    <a:pt x="24130" y="393754"/>
                    <a:pt x="24236" y="627443"/>
                    <a:pt x="26670" y="861114"/>
                  </a:cubicBezTo>
                  <a:cubicBezTo>
                    <a:pt x="26777" y="871353"/>
                    <a:pt x="28648" y="881520"/>
                    <a:pt x="30480" y="891594"/>
                  </a:cubicBezTo>
                  <a:cubicBezTo>
                    <a:pt x="31198" y="895545"/>
                    <a:pt x="33419" y="899104"/>
                    <a:pt x="34290" y="903024"/>
                  </a:cubicBezTo>
                  <a:cubicBezTo>
                    <a:pt x="35966" y="910565"/>
                    <a:pt x="36830" y="918264"/>
                    <a:pt x="38100" y="925884"/>
                  </a:cubicBezTo>
                  <a:cubicBezTo>
                    <a:pt x="41910" y="922074"/>
                    <a:pt x="45391" y="917903"/>
                    <a:pt x="49530" y="914454"/>
                  </a:cubicBezTo>
                  <a:cubicBezTo>
                    <a:pt x="53048" y="911523"/>
                    <a:pt x="57722" y="910072"/>
                    <a:pt x="60960" y="906834"/>
                  </a:cubicBezTo>
                  <a:cubicBezTo>
                    <a:pt x="64198" y="903596"/>
                    <a:pt x="65342" y="898642"/>
                    <a:pt x="68580" y="895404"/>
                  </a:cubicBezTo>
                  <a:cubicBezTo>
                    <a:pt x="75966" y="888018"/>
                    <a:pt x="82144" y="887073"/>
                    <a:pt x="91440" y="883974"/>
                  </a:cubicBezTo>
                  <a:cubicBezTo>
                    <a:pt x="95250" y="880164"/>
                    <a:pt x="98387" y="875533"/>
                    <a:pt x="102870" y="872544"/>
                  </a:cubicBezTo>
                  <a:cubicBezTo>
                    <a:pt x="106212" y="870316"/>
                    <a:pt x="111164" y="871243"/>
                    <a:pt x="114300" y="868734"/>
                  </a:cubicBezTo>
                  <a:cubicBezTo>
                    <a:pt x="117876" y="865873"/>
                    <a:pt x="119380" y="861114"/>
                    <a:pt x="121920" y="857304"/>
                  </a:cubicBezTo>
                  <a:cubicBezTo>
                    <a:pt x="123190" y="852224"/>
                    <a:pt x="124594" y="847176"/>
                    <a:pt x="125730" y="842064"/>
                  </a:cubicBezTo>
                  <a:cubicBezTo>
                    <a:pt x="127135" y="835742"/>
                    <a:pt x="127969" y="829296"/>
                    <a:pt x="129540" y="823014"/>
                  </a:cubicBezTo>
                  <a:cubicBezTo>
                    <a:pt x="130514" y="819118"/>
                    <a:pt x="132247" y="815446"/>
                    <a:pt x="133350" y="811584"/>
                  </a:cubicBezTo>
                  <a:cubicBezTo>
                    <a:pt x="134789" y="806549"/>
                    <a:pt x="135097" y="801157"/>
                    <a:pt x="137160" y="796344"/>
                  </a:cubicBezTo>
                  <a:cubicBezTo>
                    <a:pt x="138964" y="792135"/>
                    <a:pt x="142732" y="789010"/>
                    <a:pt x="144780" y="784914"/>
                  </a:cubicBezTo>
                  <a:cubicBezTo>
                    <a:pt x="146576" y="781322"/>
                    <a:pt x="146794" y="777076"/>
                    <a:pt x="148590" y="773484"/>
                  </a:cubicBezTo>
                  <a:cubicBezTo>
                    <a:pt x="153894" y="762875"/>
                    <a:pt x="159214" y="759050"/>
                    <a:pt x="167640" y="750624"/>
                  </a:cubicBezTo>
                  <a:cubicBezTo>
                    <a:pt x="176916" y="722796"/>
                    <a:pt x="173312" y="735556"/>
                    <a:pt x="179070" y="712524"/>
                  </a:cubicBezTo>
                  <a:cubicBezTo>
                    <a:pt x="187542" y="636273"/>
                    <a:pt x="178970" y="720603"/>
                    <a:pt x="186690" y="586794"/>
                  </a:cubicBezTo>
                  <a:cubicBezTo>
                    <a:pt x="192757" y="481624"/>
                    <a:pt x="183243" y="513314"/>
                    <a:pt x="198120" y="468684"/>
                  </a:cubicBezTo>
                  <a:cubicBezTo>
                    <a:pt x="196850" y="442014"/>
                    <a:pt x="196439" y="415289"/>
                    <a:pt x="194310" y="388674"/>
                  </a:cubicBezTo>
                  <a:cubicBezTo>
                    <a:pt x="193806" y="382379"/>
                    <a:pt x="188873" y="368553"/>
                    <a:pt x="186690" y="362004"/>
                  </a:cubicBezTo>
                  <a:cubicBezTo>
                    <a:pt x="182880" y="312474"/>
                    <a:pt x="190969" y="260541"/>
                    <a:pt x="175260" y="213414"/>
                  </a:cubicBezTo>
                  <a:cubicBezTo>
                    <a:pt x="173990" y="209604"/>
                    <a:pt x="173246" y="205576"/>
                    <a:pt x="171450" y="201984"/>
                  </a:cubicBezTo>
                  <a:cubicBezTo>
                    <a:pt x="169402" y="197888"/>
                    <a:pt x="166370" y="194364"/>
                    <a:pt x="163830" y="190554"/>
                  </a:cubicBezTo>
                  <a:cubicBezTo>
                    <a:pt x="162609" y="185671"/>
                    <a:pt x="158943" y="169350"/>
                    <a:pt x="156210" y="163884"/>
                  </a:cubicBezTo>
                  <a:cubicBezTo>
                    <a:pt x="154162" y="159788"/>
                    <a:pt x="150450" y="156638"/>
                    <a:pt x="148590" y="152454"/>
                  </a:cubicBezTo>
                  <a:cubicBezTo>
                    <a:pt x="145328" y="145114"/>
                    <a:pt x="143510" y="137214"/>
                    <a:pt x="140970" y="129594"/>
                  </a:cubicBezTo>
                  <a:lnTo>
                    <a:pt x="137160" y="118164"/>
                  </a:lnTo>
                  <a:lnTo>
                    <a:pt x="133350" y="106734"/>
                  </a:lnTo>
                  <a:cubicBezTo>
                    <a:pt x="132080" y="96574"/>
                    <a:pt x="131223" y="86354"/>
                    <a:pt x="129540" y="76254"/>
                  </a:cubicBezTo>
                  <a:cubicBezTo>
                    <a:pt x="128679" y="71089"/>
                    <a:pt x="129001" y="65103"/>
                    <a:pt x="125730" y="61014"/>
                  </a:cubicBezTo>
                  <a:cubicBezTo>
                    <a:pt x="123221" y="57878"/>
                    <a:pt x="118110" y="58474"/>
                    <a:pt x="114300" y="57204"/>
                  </a:cubicBezTo>
                  <a:cubicBezTo>
                    <a:pt x="111790" y="49674"/>
                    <a:pt x="109584" y="39715"/>
                    <a:pt x="102870" y="34344"/>
                  </a:cubicBezTo>
                  <a:cubicBezTo>
                    <a:pt x="81691" y="17401"/>
                    <a:pt x="79497" y="17663"/>
                    <a:pt x="60960" y="11484"/>
                  </a:cubicBezTo>
                  <a:cubicBezTo>
                    <a:pt x="55880" y="7674"/>
                    <a:pt x="52006" y="952"/>
                    <a:pt x="45720" y="54"/>
                  </a:cubicBezTo>
                  <a:cubicBezTo>
                    <a:pt x="41187" y="-594"/>
                    <a:pt x="37808" y="4743"/>
                    <a:pt x="34290" y="7674"/>
                  </a:cubicBezTo>
                  <a:cubicBezTo>
                    <a:pt x="23243" y="16880"/>
                    <a:pt x="20633" y="20863"/>
                    <a:pt x="15240" y="34344"/>
                  </a:cubicBezTo>
                  <a:cubicBezTo>
                    <a:pt x="14768" y="35523"/>
                    <a:pt x="2540" y="50219"/>
                    <a:pt x="0" y="53394"/>
                  </a:cubicBezTo>
                  <a:close/>
                </a:path>
              </a:pathLst>
            </a:custGeom>
            <a:solidFill>
              <a:srgbClr val="00B0F0">
                <a:alpha val="54000"/>
              </a:srgbClr>
            </a:solidFill>
            <a:ln w="19050">
              <a:noFill/>
              <a:headEnd type="none" w="med" len="med"/>
              <a:tailEnd type="none" w="med" len="med"/>
            </a:ln>
            <a:effectLst>
              <a:softEdge rad="31750"/>
            </a:effectLst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24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29" name="Freeform 28"/>
            <p:cNvSpPr/>
            <p:nvPr/>
          </p:nvSpPr>
          <p:spPr bwMode="auto">
            <a:xfrm>
              <a:off x="7608168" y="3579010"/>
              <a:ext cx="198120" cy="925884"/>
            </a:xfrm>
            <a:custGeom>
              <a:avLst/>
              <a:gdLst>
                <a:gd name="connsiteX0" fmla="*/ 0 w 198120"/>
                <a:gd name="connsiteY0" fmla="*/ 53394 h 925884"/>
                <a:gd name="connsiteX1" fmla="*/ 0 w 198120"/>
                <a:gd name="connsiteY1" fmla="*/ 53394 h 925884"/>
                <a:gd name="connsiteX2" fmla="*/ 15240 w 198120"/>
                <a:gd name="connsiteY2" fmla="*/ 83874 h 925884"/>
                <a:gd name="connsiteX3" fmla="*/ 22860 w 198120"/>
                <a:gd name="connsiteY3" fmla="*/ 160074 h 925884"/>
                <a:gd name="connsiteX4" fmla="*/ 26670 w 198120"/>
                <a:gd name="connsiteY4" fmla="*/ 861114 h 925884"/>
                <a:gd name="connsiteX5" fmla="*/ 30480 w 198120"/>
                <a:gd name="connsiteY5" fmla="*/ 891594 h 925884"/>
                <a:gd name="connsiteX6" fmla="*/ 34290 w 198120"/>
                <a:gd name="connsiteY6" fmla="*/ 903024 h 925884"/>
                <a:gd name="connsiteX7" fmla="*/ 38100 w 198120"/>
                <a:gd name="connsiteY7" fmla="*/ 925884 h 925884"/>
                <a:gd name="connsiteX8" fmla="*/ 49530 w 198120"/>
                <a:gd name="connsiteY8" fmla="*/ 914454 h 925884"/>
                <a:gd name="connsiteX9" fmla="*/ 60960 w 198120"/>
                <a:gd name="connsiteY9" fmla="*/ 906834 h 925884"/>
                <a:gd name="connsiteX10" fmla="*/ 68580 w 198120"/>
                <a:gd name="connsiteY10" fmla="*/ 895404 h 925884"/>
                <a:gd name="connsiteX11" fmla="*/ 91440 w 198120"/>
                <a:gd name="connsiteY11" fmla="*/ 883974 h 925884"/>
                <a:gd name="connsiteX12" fmla="*/ 102870 w 198120"/>
                <a:gd name="connsiteY12" fmla="*/ 872544 h 925884"/>
                <a:gd name="connsiteX13" fmla="*/ 114300 w 198120"/>
                <a:gd name="connsiteY13" fmla="*/ 868734 h 925884"/>
                <a:gd name="connsiteX14" fmla="*/ 121920 w 198120"/>
                <a:gd name="connsiteY14" fmla="*/ 857304 h 925884"/>
                <a:gd name="connsiteX15" fmla="*/ 125730 w 198120"/>
                <a:gd name="connsiteY15" fmla="*/ 842064 h 925884"/>
                <a:gd name="connsiteX16" fmla="*/ 129540 w 198120"/>
                <a:gd name="connsiteY16" fmla="*/ 823014 h 925884"/>
                <a:gd name="connsiteX17" fmla="*/ 133350 w 198120"/>
                <a:gd name="connsiteY17" fmla="*/ 811584 h 925884"/>
                <a:gd name="connsiteX18" fmla="*/ 137160 w 198120"/>
                <a:gd name="connsiteY18" fmla="*/ 796344 h 925884"/>
                <a:gd name="connsiteX19" fmla="*/ 144780 w 198120"/>
                <a:gd name="connsiteY19" fmla="*/ 784914 h 925884"/>
                <a:gd name="connsiteX20" fmla="*/ 148590 w 198120"/>
                <a:gd name="connsiteY20" fmla="*/ 773484 h 925884"/>
                <a:gd name="connsiteX21" fmla="*/ 167640 w 198120"/>
                <a:gd name="connsiteY21" fmla="*/ 750624 h 925884"/>
                <a:gd name="connsiteX22" fmla="*/ 179070 w 198120"/>
                <a:gd name="connsiteY22" fmla="*/ 712524 h 925884"/>
                <a:gd name="connsiteX23" fmla="*/ 186690 w 198120"/>
                <a:gd name="connsiteY23" fmla="*/ 586794 h 925884"/>
                <a:gd name="connsiteX24" fmla="*/ 198120 w 198120"/>
                <a:gd name="connsiteY24" fmla="*/ 468684 h 925884"/>
                <a:gd name="connsiteX25" fmla="*/ 194310 w 198120"/>
                <a:gd name="connsiteY25" fmla="*/ 388674 h 925884"/>
                <a:gd name="connsiteX26" fmla="*/ 186690 w 198120"/>
                <a:gd name="connsiteY26" fmla="*/ 362004 h 925884"/>
                <a:gd name="connsiteX27" fmla="*/ 175260 w 198120"/>
                <a:gd name="connsiteY27" fmla="*/ 213414 h 925884"/>
                <a:gd name="connsiteX28" fmla="*/ 171450 w 198120"/>
                <a:gd name="connsiteY28" fmla="*/ 201984 h 925884"/>
                <a:gd name="connsiteX29" fmla="*/ 163830 w 198120"/>
                <a:gd name="connsiteY29" fmla="*/ 190554 h 925884"/>
                <a:gd name="connsiteX30" fmla="*/ 156210 w 198120"/>
                <a:gd name="connsiteY30" fmla="*/ 163884 h 925884"/>
                <a:gd name="connsiteX31" fmla="*/ 148590 w 198120"/>
                <a:gd name="connsiteY31" fmla="*/ 152454 h 925884"/>
                <a:gd name="connsiteX32" fmla="*/ 140970 w 198120"/>
                <a:gd name="connsiteY32" fmla="*/ 129594 h 925884"/>
                <a:gd name="connsiteX33" fmla="*/ 137160 w 198120"/>
                <a:gd name="connsiteY33" fmla="*/ 118164 h 925884"/>
                <a:gd name="connsiteX34" fmla="*/ 133350 w 198120"/>
                <a:gd name="connsiteY34" fmla="*/ 106734 h 925884"/>
                <a:gd name="connsiteX35" fmla="*/ 129540 w 198120"/>
                <a:gd name="connsiteY35" fmla="*/ 76254 h 925884"/>
                <a:gd name="connsiteX36" fmla="*/ 125730 w 198120"/>
                <a:gd name="connsiteY36" fmla="*/ 61014 h 925884"/>
                <a:gd name="connsiteX37" fmla="*/ 114300 w 198120"/>
                <a:gd name="connsiteY37" fmla="*/ 57204 h 925884"/>
                <a:gd name="connsiteX38" fmla="*/ 102870 w 198120"/>
                <a:gd name="connsiteY38" fmla="*/ 34344 h 925884"/>
                <a:gd name="connsiteX39" fmla="*/ 60960 w 198120"/>
                <a:gd name="connsiteY39" fmla="*/ 11484 h 925884"/>
                <a:gd name="connsiteX40" fmla="*/ 45720 w 198120"/>
                <a:gd name="connsiteY40" fmla="*/ 54 h 925884"/>
                <a:gd name="connsiteX41" fmla="*/ 34290 w 198120"/>
                <a:gd name="connsiteY41" fmla="*/ 7674 h 925884"/>
                <a:gd name="connsiteX42" fmla="*/ 15240 w 198120"/>
                <a:gd name="connsiteY42" fmla="*/ 34344 h 925884"/>
                <a:gd name="connsiteX43" fmla="*/ 0 w 198120"/>
                <a:gd name="connsiteY43" fmla="*/ 53394 h 92588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</a:cxnLst>
              <a:rect l="l" t="t" r="r" b="b"/>
              <a:pathLst>
                <a:path w="198120" h="925884">
                  <a:moveTo>
                    <a:pt x="0" y="53394"/>
                  </a:moveTo>
                  <a:lnTo>
                    <a:pt x="0" y="53394"/>
                  </a:lnTo>
                  <a:cubicBezTo>
                    <a:pt x="5080" y="63554"/>
                    <a:pt x="12035" y="72976"/>
                    <a:pt x="15240" y="83874"/>
                  </a:cubicBezTo>
                  <a:cubicBezTo>
                    <a:pt x="16650" y="88669"/>
                    <a:pt x="22825" y="159693"/>
                    <a:pt x="22860" y="160074"/>
                  </a:cubicBezTo>
                  <a:cubicBezTo>
                    <a:pt x="24130" y="393754"/>
                    <a:pt x="24236" y="627443"/>
                    <a:pt x="26670" y="861114"/>
                  </a:cubicBezTo>
                  <a:cubicBezTo>
                    <a:pt x="26777" y="871353"/>
                    <a:pt x="28648" y="881520"/>
                    <a:pt x="30480" y="891594"/>
                  </a:cubicBezTo>
                  <a:cubicBezTo>
                    <a:pt x="31198" y="895545"/>
                    <a:pt x="33419" y="899104"/>
                    <a:pt x="34290" y="903024"/>
                  </a:cubicBezTo>
                  <a:cubicBezTo>
                    <a:pt x="35966" y="910565"/>
                    <a:pt x="36830" y="918264"/>
                    <a:pt x="38100" y="925884"/>
                  </a:cubicBezTo>
                  <a:cubicBezTo>
                    <a:pt x="41910" y="922074"/>
                    <a:pt x="45391" y="917903"/>
                    <a:pt x="49530" y="914454"/>
                  </a:cubicBezTo>
                  <a:cubicBezTo>
                    <a:pt x="53048" y="911523"/>
                    <a:pt x="57722" y="910072"/>
                    <a:pt x="60960" y="906834"/>
                  </a:cubicBezTo>
                  <a:cubicBezTo>
                    <a:pt x="64198" y="903596"/>
                    <a:pt x="65342" y="898642"/>
                    <a:pt x="68580" y="895404"/>
                  </a:cubicBezTo>
                  <a:cubicBezTo>
                    <a:pt x="75966" y="888018"/>
                    <a:pt x="82144" y="887073"/>
                    <a:pt x="91440" y="883974"/>
                  </a:cubicBezTo>
                  <a:cubicBezTo>
                    <a:pt x="95250" y="880164"/>
                    <a:pt x="98387" y="875533"/>
                    <a:pt x="102870" y="872544"/>
                  </a:cubicBezTo>
                  <a:cubicBezTo>
                    <a:pt x="106212" y="870316"/>
                    <a:pt x="111164" y="871243"/>
                    <a:pt x="114300" y="868734"/>
                  </a:cubicBezTo>
                  <a:cubicBezTo>
                    <a:pt x="117876" y="865873"/>
                    <a:pt x="119380" y="861114"/>
                    <a:pt x="121920" y="857304"/>
                  </a:cubicBezTo>
                  <a:cubicBezTo>
                    <a:pt x="123190" y="852224"/>
                    <a:pt x="124594" y="847176"/>
                    <a:pt x="125730" y="842064"/>
                  </a:cubicBezTo>
                  <a:cubicBezTo>
                    <a:pt x="127135" y="835742"/>
                    <a:pt x="127969" y="829296"/>
                    <a:pt x="129540" y="823014"/>
                  </a:cubicBezTo>
                  <a:cubicBezTo>
                    <a:pt x="130514" y="819118"/>
                    <a:pt x="132247" y="815446"/>
                    <a:pt x="133350" y="811584"/>
                  </a:cubicBezTo>
                  <a:cubicBezTo>
                    <a:pt x="134789" y="806549"/>
                    <a:pt x="135097" y="801157"/>
                    <a:pt x="137160" y="796344"/>
                  </a:cubicBezTo>
                  <a:cubicBezTo>
                    <a:pt x="138964" y="792135"/>
                    <a:pt x="142732" y="789010"/>
                    <a:pt x="144780" y="784914"/>
                  </a:cubicBezTo>
                  <a:cubicBezTo>
                    <a:pt x="146576" y="781322"/>
                    <a:pt x="146794" y="777076"/>
                    <a:pt x="148590" y="773484"/>
                  </a:cubicBezTo>
                  <a:cubicBezTo>
                    <a:pt x="153894" y="762875"/>
                    <a:pt x="159214" y="759050"/>
                    <a:pt x="167640" y="750624"/>
                  </a:cubicBezTo>
                  <a:cubicBezTo>
                    <a:pt x="176916" y="722796"/>
                    <a:pt x="173312" y="735556"/>
                    <a:pt x="179070" y="712524"/>
                  </a:cubicBezTo>
                  <a:cubicBezTo>
                    <a:pt x="187542" y="636273"/>
                    <a:pt x="178970" y="720603"/>
                    <a:pt x="186690" y="586794"/>
                  </a:cubicBezTo>
                  <a:cubicBezTo>
                    <a:pt x="192757" y="481624"/>
                    <a:pt x="183243" y="513314"/>
                    <a:pt x="198120" y="468684"/>
                  </a:cubicBezTo>
                  <a:cubicBezTo>
                    <a:pt x="196850" y="442014"/>
                    <a:pt x="196439" y="415289"/>
                    <a:pt x="194310" y="388674"/>
                  </a:cubicBezTo>
                  <a:cubicBezTo>
                    <a:pt x="193806" y="382379"/>
                    <a:pt x="188873" y="368553"/>
                    <a:pt x="186690" y="362004"/>
                  </a:cubicBezTo>
                  <a:cubicBezTo>
                    <a:pt x="182880" y="312474"/>
                    <a:pt x="190969" y="260541"/>
                    <a:pt x="175260" y="213414"/>
                  </a:cubicBezTo>
                  <a:cubicBezTo>
                    <a:pt x="173990" y="209604"/>
                    <a:pt x="173246" y="205576"/>
                    <a:pt x="171450" y="201984"/>
                  </a:cubicBezTo>
                  <a:cubicBezTo>
                    <a:pt x="169402" y="197888"/>
                    <a:pt x="166370" y="194364"/>
                    <a:pt x="163830" y="190554"/>
                  </a:cubicBezTo>
                  <a:cubicBezTo>
                    <a:pt x="162609" y="185671"/>
                    <a:pt x="158943" y="169350"/>
                    <a:pt x="156210" y="163884"/>
                  </a:cubicBezTo>
                  <a:cubicBezTo>
                    <a:pt x="154162" y="159788"/>
                    <a:pt x="150450" y="156638"/>
                    <a:pt x="148590" y="152454"/>
                  </a:cubicBezTo>
                  <a:cubicBezTo>
                    <a:pt x="145328" y="145114"/>
                    <a:pt x="143510" y="137214"/>
                    <a:pt x="140970" y="129594"/>
                  </a:cubicBezTo>
                  <a:lnTo>
                    <a:pt x="137160" y="118164"/>
                  </a:lnTo>
                  <a:lnTo>
                    <a:pt x="133350" y="106734"/>
                  </a:lnTo>
                  <a:cubicBezTo>
                    <a:pt x="132080" y="96574"/>
                    <a:pt x="131223" y="86354"/>
                    <a:pt x="129540" y="76254"/>
                  </a:cubicBezTo>
                  <a:cubicBezTo>
                    <a:pt x="128679" y="71089"/>
                    <a:pt x="129001" y="65103"/>
                    <a:pt x="125730" y="61014"/>
                  </a:cubicBezTo>
                  <a:cubicBezTo>
                    <a:pt x="123221" y="57878"/>
                    <a:pt x="118110" y="58474"/>
                    <a:pt x="114300" y="57204"/>
                  </a:cubicBezTo>
                  <a:cubicBezTo>
                    <a:pt x="111790" y="49674"/>
                    <a:pt x="109584" y="39715"/>
                    <a:pt x="102870" y="34344"/>
                  </a:cubicBezTo>
                  <a:cubicBezTo>
                    <a:pt x="81691" y="17401"/>
                    <a:pt x="79497" y="17663"/>
                    <a:pt x="60960" y="11484"/>
                  </a:cubicBezTo>
                  <a:cubicBezTo>
                    <a:pt x="55880" y="7674"/>
                    <a:pt x="52006" y="952"/>
                    <a:pt x="45720" y="54"/>
                  </a:cubicBezTo>
                  <a:cubicBezTo>
                    <a:pt x="41187" y="-594"/>
                    <a:pt x="37808" y="4743"/>
                    <a:pt x="34290" y="7674"/>
                  </a:cubicBezTo>
                  <a:cubicBezTo>
                    <a:pt x="23243" y="16880"/>
                    <a:pt x="20633" y="20863"/>
                    <a:pt x="15240" y="34344"/>
                  </a:cubicBezTo>
                  <a:cubicBezTo>
                    <a:pt x="14768" y="35523"/>
                    <a:pt x="2540" y="50219"/>
                    <a:pt x="0" y="53394"/>
                  </a:cubicBezTo>
                  <a:close/>
                </a:path>
              </a:pathLst>
            </a:custGeom>
            <a:solidFill>
              <a:srgbClr val="00B0F0">
                <a:alpha val="54000"/>
              </a:srgbClr>
            </a:solidFill>
            <a:ln w="19050">
              <a:noFill/>
              <a:headEnd type="none" w="med" len="med"/>
              <a:tailEnd type="none" w="med" len="med"/>
            </a:ln>
            <a:effectLst>
              <a:softEdge rad="31750"/>
            </a:effectLst>
          </p:spPr>
          <p:style>
            <a:lnRef idx="2">
              <a:schemeClr val="accent1"/>
            </a:lnRef>
            <a:fillRef idx="1">
              <a:schemeClr val="lt1"/>
            </a:fillRef>
            <a:effectRef idx="0">
              <a:schemeClr val="accent1"/>
            </a:effectRef>
            <a:fontRef idx="minor">
              <a:schemeClr val="dk1"/>
            </a:fontRef>
          </p:style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24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/>
              <a:t>T</a:t>
            </a:r>
            <a:r>
              <a:rPr lang="en-US" dirty="0" err="1" smtClean="0"/>
              <a:t>estbox</a:t>
            </a:r>
            <a:r>
              <a:rPr lang="en-US" dirty="0" smtClean="0"/>
              <a:t> in assembly</a:t>
            </a:r>
            <a:endParaRPr lang="en-US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20000" contras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13294" t="8057" b="29098"/>
          <a:stretch/>
        </p:blipFill>
        <p:spPr>
          <a:xfrm>
            <a:off x="1703512" y="1700808"/>
            <a:ext cx="8101387" cy="4403948"/>
          </a:xfrm>
        </p:spPr>
      </p:pic>
      <p:sp>
        <p:nvSpPr>
          <p:cNvPr id="5" name="Text Placeholder 4"/>
          <p:cNvSpPr>
            <a:spLocks noGrp="1"/>
          </p:cNvSpPr>
          <p:nvPr>
            <p:ph type="body" idx="4294967295"/>
          </p:nvPr>
        </p:nvSpPr>
        <p:spPr>
          <a:xfrm>
            <a:off x="677333" y="1257300"/>
            <a:ext cx="10905067" cy="3371850"/>
          </a:xfrm>
        </p:spPr>
        <p:txBody>
          <a:bodyPr/>
          <a:lstStyle/>
          <a:p>
            <a:pPr>
              <a:buFont typeface="Wingdings" panose="05000000000000000000" pitchFamily="2" charset="2"/>
              <a:buChar char="q"/>
            </a:pPr>
            <a:r>
              <a:rPr lang="en-US" dirty="0" smtClean="0"/>
              <a:t>Glass cover for UV laser measurement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56536973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EA2A6131-5760-4854-9184-A8DBAE0EE3C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48266" y="260648"/>
            <a:ext cx="10363200" cy="720080"/>
          </a:xfrm>
        </p:spPr>
        <p:txBody>
          <a:bodyPr/>
          <a:lstStyle/>
          <a:p>
            <a:r>
              <a:rPr lang="en-US" sz="4000" b="0" dirty="0"/>
              <a:t>Conclusions</a:t>
            </a:r>
          </a:p>
        </p:txBody>
      </p:sp>
      <p:sp>
        <p:nvSpPr>
          <p:cNvPr id="3" name="Tijdelijke aanduiding voor inhoud 2">
            <a:extLst>
              <a:ext uri="{FF2B5EF4-FFF2-40B4-BE49-F238E27FC236}">
                <a16:creationId xmlns:a16="http://schemas.microsoft.com/office/drawing/2014/main" id="{C6D65CE5-28D5-4BA6-93F2-E2172EAB075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57200" y="1034108"/>
            <a:ext cx="11399439" cy="3766492"/>
          </a:xfrm>
        </p:spPr>
        <p:txBody>
          <a:bodyPr/>
          <a:lstStyle/>
          <a:p>
            <a:r>
              <a:rPr lang="en-US" sz="2400" dirty="0" smtClean="0"/>
              <a:t>Since 2017 three TimePix3 wafers were successfully equipped with an </a:t>
            </a:r>
            <a:r>
              <a:rPr lang="en-US" sz="2400" dirty="0" err="1" smtClean="0"/>
              <a:t>InGrid</a:t>
            </a:r>
            <a:endParaRPr lang="en-US" sz="2400" dirty="0" smtClean="0"/>
          </a:p>
          <a:p>
            <a:pPr lvl="1"/>
            <a:r>
              <a:rPr lang="en-US" sz="2200" dirty="0" smtClean="0"/>
              <a:t>Last two (low yield) wafers carried 88 electrically usable chips</a:t>
            </a:r>
          </a:p>
          <a:p>
            <a:pPr lvl="1"/>
            <a:r>
              <a:rPr lang="en-US" sz="2200" dirty="0" smtClean="0"/>
              <a:t>Only a few were rejected because of grid problems</a:t>
            </a:r>
            <a:endParaRPr lang="en-US" sz="2200" dirty="0"/>
          </a:p>
          <a:p>
            <a:r>
              <a:rPr lang="en-US" sz="2400" dirty="0" smtClean="0"/>
              <a:t>The QUAD we present as a building block to populate an ILCTPC module</a:t>
            </a:r>
          </a:p>
          <a:p>
            <a:r>
              <a:rPr lang="en-US" sz="2400" dirty="0" smtClean="0"/>
              <a:t>A beam test showed the need for a narrow guard electrode structure covering the gap between the chips</a:t>
            </a:r>
          </a:p>
          <a:p>
            <a:r>
              <a:rPr lang="en-US" sz="2400" dirty="0" smtClean="0"/>
              <a:t>Presently the QUAD can be produced in small quantities</a:t>
            </a:r>
          </a:p>
          <a:p>
            <a:pPr lvl="1"/>
            <a:r>
              <a:rPr lang="en-US" sz="2200" dirty="0" smtClean="0"/>
              <a:t>One QUAD per two days can be achieved</a:t>
            </a:r>
          </a:p>
          <a:p>
            <a:pPr lvl="1"/>
            <a:r>
              <a:rPr lang="en-US" sz="2200" dirty="0" smtClean="0"/>
              <a:t>Improvement of the HV wiring is needed, requires minor design modifications</a:t>
            </a:r>
          </a:p>
          <a:p>
            <a:pPr lvl="1"/>
            <a:r>
              <a:rPr lang="en-US" sz="2200" dirty="0" smtClean="0"/>
              <a:t>A production of 14 QUAD modules is close to finish</a:t>
            </a:r>
          </a:p>
          <a:p>
            <a:r>
              <a:rPr lang="en-US" sz="2400" dirty="0" smtClean="0"/>
              <a:t>A </a:t>
            </a:r>
            <a:r>
              <a:rPr lang="en-US" sz="2400" dirty="0" err="1" smtClean="0"/>
              <a:t>testbox</a:t>
            </a:r>
            <a:r>
              <a:rPr lang="en-US" sz="2400" dirty="0" smtClean="0"/>
              <a:t> carrying 2 x 4 QUADs is being assembled</a:t>
            </a:r>
          </a:p>
          <a:p>
            <a:pPr lvl="1"/>
            <a:r>
              <a:rPr lang="en-US" sz="2200" dirty="0" smtClean="0"/>
              <a:t>UV laser tests: focused and parallel beam (ionization in the gas)</a:t>
            </a:r>
          </a:p>
          <a:p>
            <a:pPr lvl="1"/>
            <a:r>
              <a:rPr lang="en-US" sz="2200" dirty="0" err="1" smtClean="0"/>
              <a:t>Testbeam</a:t>
            </a:r>
            <a:r>
              <a:rPr lang="en-US" sz="2200" dirty="0" smtClean="0"/>
              <a:t> (Bonn)</a:t>
            </a:r>
          </a:p>
        </p:txBody>
      </p:sp>
      <p:pic>
        <p:nvPicPr>
          <p:cNvPr id="5" name="Content Placeholder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449" b="10733"/>
          <a:stretch>
            <a:fillRect/>
          </a:stretch>
        </p:blipFill>
        <p:spPr bwMode="auto">
          <a:xfrm>
            <a:off x="10200456" y="4725144"/>
            <a:ext cx="1886743" cy="20579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0036105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Title 1"/>
          <p:cNvSpPr>
            <a:spLocks noGrp="1"/>
          </p:cNvSpPr>
          <p:nvPr>
            <p:ph type="title"/>
          </p:nvPr>
        </p:nvSpPr>
        <p:spPr>
          <a:xfrm>
            <a:off x="385692" y="401637"/>
            <a:ext cx="4429448" cy="512763"/>
          </a:xfrm>
        </p:spPr>
        <p:txBody>
          <a:bodyPr/>
          <a:lstStyle/>
          <a:p>
            <a:r>
              <a:rPr lang="en-GB" altLang="en-US" sz="4000" b="0" dirty="0" err="1" smtClean="0"/>
              <a:t>GridPix</a:t>
            </a:r>
            <a:r>
              <a:rPr lang="en-GB" altLang="en-US" sz="4000" b="0" dirty="0" smtClean="0"/>
              <a:t> technology</a:t>
            </a:r>
          </a:p>
        </p:txBody>
      </p:sp>
      <p:sp>
        <p:nvSpPr>
          <p:cNvPr id="5123" name="Content Placeholder 2"/>
          <p:cNvSpPr>
            <a:spLocks noGrp="1"/>
          </p:cNvSpPr>
          <p:nvPr>
            <p:ph idx="1"/>
          </p:nvPr>
        </p:nvSpPr>
        <p:spPr>
          <a:xfrm>
            <a:off x="385692" y="962818"/>
            <a:ext cx="4918220" cy="4854575"/>
          </a:xfrm>
        </p:spPr>
        <p:txBody>
          <a:bodyPr/>
          <a:lstStyle/>
          <a:p>
            <a:pPr>
              <a:buFontTx/>
              <a:buBlip>
                <a:blip r:embed="rId3"/>
              </a:buBlip>
            </a:pPr>
            <a:r>
              <a:rPr lang="en-GB" altLang="en-US" sz="2000" dirty="0" smtClean="0"/>
              <a:t>Pixel chip with integrated </a:t>
            </a:r>
            <a:r>
              <a:rPr lang="en-GB" altLang="en-US" sz="2000" dirty="0" err="1" smtClean="0"/>
              <a:t>Micromegas</a:t>
            </a:r>
            <a:endParaRPr lang="en-GB" altLang="en-US" sz="2000" dirty="0" smtClean="0"/>
          </a:p>
          <a:p>
            <a:pPr>
              <a:buBlip>
                <a:blip r:embed="rId3"/>
              </a:buBlip>
            </a:pPr>
            <a:r>
              <a:rPr lang="en-GB" altLang="en-US" sz="2000" dirty="0" smtClean="0"/>
              <a:t>=&gt; </a:t>
            </a:r>
            <a:r>
              <a:rPr lang="en-GB" altLang="en-US" sz="2000" b="1" dirty="0" err="1" smtClean="0"/>
              <a:t>InGrid</a:t>
            </a:r>
            <a:endParaRPr lang="en-GB" altLang="en-US" sz="2000" dirty="0" smtClean="0"/>
          </a:p>
          <a:p>
            <a:pPr>
              <a:buFontTx/>
              <a:buBlip>
                <a:blip r:embed="rId3"/>
              </a:buBlip>
            </a:pPr>
            <a:r>
              <a:rPr lang="en-GB" altLang="en-US" sz="2000" dirty="0" smtClean="0"/>
              <a:t>Grid set at negative voltage (300 – 600 V) to provide gas amplification</a:t>
            </a:r>
          </a:p>
          <a:p>
            <a:pPr>
              <a:buFontTx/>
              <a:buBlip>
                <a:blip r:embed="rId3"/>
              </a:buBlip>
            </a:pPr>
            <a:r>
              <a:rPr lang="en-GB" altLang="en-US" sz="2000" dirty="0" smtClean="0"/>
              <a:t>Very small pixel size (55 µm)</a:t>
            </a:r>
          </a:p>
          <a:p>
            <a:pPr>
              <a:buFontTx/>
              <a:buBlip>
                <a:blip r:embed="rId3"/>
              </a:buBlip>
            </a:pPr>
            <a:r>
              <a:rPr lang="en-GB" altLang="en-US" sz="2000" dirty="0" smtClean="0"/>
              <a:t>=&gt; mostly detecting </a:t>
            </a:r>
            <a:r>
              <a:rPr lang="en-GB" altLang="en-US" sz="2000" b="1" dirty="0" smtClean="0"/>
              <a:t>individual electrons</a:t>
            </a:r>
          </a:p>
          <a:p>
            <a:pPr>
              <a:buFontTx/>
              <a:buBlip>
                <a:blip r:embed="rId3"/>
              </a:buBlip>
            </a:pPr>
            <a:endParaRPr lang="en-GB" altLang="en-US" b="1" dirty="0" smtClean="0"/>
          </a:p>
        </p:txBody>
      </p:sp>
      <p:pic>
        <p:nvPicPr>
          <p:cNvPr id="5124" name="Picture 2" descr="C:\Data\GOSSIP\pictures, drawings\Marco Nov08 3D pub\GoatPrinciple-2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75180" y="116632"/>
            <a:ext cx="6825301" cy="65525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5125" name="Group 9"/>
          <p:cNvGrpSpPr>
            <a:grpSpLocks/>
          </p:cNvGrpSpPr>
          <p:nvPr/>
        </p:nvGrpSpPr>
        <p:grpSpPr bwMode="auto">
          <a:xfrm>
            <a:off x="745732" y="3429000"/>
            <a:ext cx="3709367" cy="3063230"/>
            <a:chOff x="4860032" y="4086323"/>
            <a:chExt cx="1669774" cy="1415371"/>
          </a:xfrm>
        </p:grpSpPr>
        <p:pic>
          <p:nvPicPr>
            <p:cNvPr id="5126" name="Picture 2" descr="C:\Users\i56\Desktop\Raw picts\8-12-2016\20161208_083116.jpg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985" t="41652" r="37155" b="32426"/>
            <a:stretch>
              <a:fillRect/>
            </a:stretch>
          </p:blipFill>
          <p:spPr bwMode="auto">
            <a:xfrm>
              <a:off x="4860032" y="4293096"/>
              <a:ext cx="1669774" cy="120859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5127" name="TextBox 11"/>
            <p:cNvSpPr txBox="1">
              <a:spLocks noChangeArrowheads="1"/>
            </p:cNvSpPr>
            <p:nvPr/>
          </p:nvSpPr>
          <p:spPr bwMode="auto">
            <a:xfrm>
              <a:off x="5289813" y="4086323"/>
              <a:ext cx="817709" cy="21331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b="1" i="1" dirty="0" err="1"/>
                <a:t>GridPix</a:t>
              </a:r>
              <a:r>
                <a:rPr lang="en-GB" altLang="en-US" b="1" i="1" dirty="0"/>
                <a:t> chip</a:t>
              </a:r>
            </a:p>
          </p:txBody>
        </p:sp>
      </p:grpSp>
      <p:cxnSp>
        <p:nvCxnSpPr>
          <p:cNvPr id="3" name="Straight Arrow Connector 2"/>
          <p:cNvCxnSpPr/>
          <p:nvPr/>
        </p:nvCxnSpPr>
        <p:spPr bwMode="auto">
          <a:xfrm>
            <a:off x="10416480" y="4365104"/>
            <a:ext cx="900014" cy="378670"/>
          </a:xfrm>
          <a:prstGeom prst="straightConnector1">
            <a:avLst/>
          </a:prstGeom>
          <a:solidFill>
            <a:schemeClr val="accent1"/>
          </a:solidFill>
          <a:ln w="38100" cap="flat" cmpd="sng" algn="ctr">
            <a:solidFill>
              <a:schemeClr val="accent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5" name="TextBox 4"/>
          <p:cNvSpPr txBox="1"/>
          <p:nvPr/>
        </p:nvSpPr>
        <p:spPr>
          <a:xfrm rot="1346167">
            <a:off x="10238582" y="4632268"/>
            <a:ext cx="1008709" cy="461665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</a:rPr>
              <a:t>55 µm</a:t>
            </a:r>
            <a:endParaRPr lang="en-US" b="1" dirty="0">
              <a:solidFill>
                <a:srgbClr val="FF0000"/>
              </a:solidFill>
            </a:endParaRPr>
          </a:p>
        </p:txBody>
      </p:sp>
      <p:graphicFrame>
        <p:nvGraphicFramePr>
          <p:cNvPr id="28" name="Object 2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3391282402"/>
              </p:ext>
            </p:extLst>
          </p:nvPr>
        </p:nvGraphicFramePr>
        <p:xfrm>
          <a:off x="7165880" y="3043902"/>
          <a:ext cx="586303" cy="112214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44" name="CorelDRAW" r:id="rId6" imgW="387025" imgH="741943" progId="CorelDraw.Graphic.16">
                  <p:embed/>
                </p:oleObj>
              </mc:Choice>
              <mc:Fallback>
                <p:oleObj name="CorelDRAW" r:id="rId6" imgW="387025" imgH="741943" progId="CorelDraw.Graphic.16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7"/>
                      <a:stretch>
                        <a:fillRect/>
                      </a:stretch>
                    </p:blipFill>
                    <p:spPr>
                      <a:xfrm>
                        <a:off x="7165880" y="3043902"/>
                        <a:ext cx="586303" cy="112214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9" name="TextBox 28"/>
          <p:cNvSpPr txBox="1"/>
          <p:nvPr/>
        </p:nvSpPr>
        <p:spPr>
          <a:xfrm>
            <a:off x="6600056" y="2780928"/>
            <a:ext cx="163378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800" b="1" dirty="0" smtClean="0">
                <a:solidFill>
                  <a:schemeClr val="bg1"/>
                </a:solidFill>
                <a:latin typeface="Arial Black" panose="020B0A04020102020204" pitchFamily="34" charset="0"/>
              </a:rPr>
              <a:t>300 – 600 V</a:t>
            </a:r>
            <a:endParaRPr lang="en-US" sz="1800" b="1" dirty="0">
              <a:solidFill>
                <a:schemeClr val="bg1"/>
              </a:solidFill>
              <a:latin typeface="Arial Black" panose="020B0A04020102020204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4"/>
          <p:cNvSpPr>
            <a:spLocks noGrp="1" noChangeArrowheads="1"/>
          </p:cNvSpPr>
          <p:nvPr>
            <p:ph type="ctrTitle"/>
          </p:nvPr>
        </p:nvSpPr>
        <p:spPr>
          <a:xfrm>
            <a:off x="3311798" y="291480"/>
            <a:ext cx="5208042" cy="1337320"/>
          </a:xfrm>
          <a:solidFill>
            <a:schemeClr val="accent2">
              <a:lumMod val="60000"/>
              <a:lumOff val="40000"/>
            </a:schemeClr>
          </a:solidFill>
        </p:spPr>
        <p:txBody>
          <a:bodyPr anchor="ctr"/>
          <a:lstStyle/>
          <a:p>
            <a:r>
              <a:rPr lang="en-GB" altLang="en-US" sz="4000" b="0" dirty="0" smtClean="0"/>
              <a:t>Thank you for</a:t>
            </a:r>
            <a:br>
              <a:rPr lang="en-GB" altLang="en-US" sz="4000" b="0" dirty="0" smtClean="0"/>
            </a:br>
            <a:r>
              <a:rPr lang="en-GB" altLang="en-US" sz="4000" b="0" dirty="0" smtClean="0"/>
              <a:t>your attention</a:t>
            </a:r>
          </a:p>
        </p:txBody>
      </p:sp>
      <p:sp>
        <p:nvSpPr>
          <p:cNvPr id="3076" name="Rectangle 6"/>
          <p:cNvSpPr>
            <a:spLocks noGrp="1" noChangeArrowheads="1"/>
          </p:cNvSpPr>
          <p:nvPr>
            <p:ph type="subTitle" idx="1"/>
          </p:nvPr>
        </p:nvSpPr>
        <p:spPr>
          <a:xfrm>
            <a:off x="407368" y="1844824"/>
            <a:ext cx="5328592" cy="3816350"/>
          </a:xfrm>
        </p:spPr>
        <p:txBody>
          <a:bodyPr/>
          <a:lstStyle/>
          <a:p>
            <a:pPr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1600" dirty="0" smtClean="0"/>
              <a:t>This work is done by the effort of:</a:t>
            </a:r>
          </a:p>
          <a:p>
            <a:pPr indent="-457200" algn="l">
              <a:lnSpc>
                <a:spcPct val="120000"/>
              </a:lnSpc>
              <a:spcBef>
                <a:spcPct val="0"/>
              </a:spcBef>
              <a:defRPr/>
            </a:pPr>
            <a:endParaRPr lang="en-GB" altLang="en-US" sz="1600" dirty="0" smtClean="0"/>
          </a:p>
          <a:p>
            <a:pPr indent="-457200" algn="l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dirty="0" err="1" smtClean="0"/>
              <a:t>Yevgen</a:t>
            </a:r>
            <a:r>
              <a:rPr lang="en-GB" altLang="en-US" dirty="0" smtClean="0"/>
              <a:t> </a:t>
            </a:r>
            <a:r>
              <a:rPr lang="en-GB" altLang="en-US" dirty="0" err="1" smtClean="0"/>
              <a:t>Bilevych</a:t>
            </a:r>
            <a:r>
              <a:rPr lang="en-GB" altLang="en-US" dirty="0" smtClean="0"/>
              <a:t>, Klaus </a:t>
            </a:r>
            <a:r>
              <a:rPr lang="en-GB" altLang="en-US" dirty="0" err="1" smtClean="0"/>
              <a:t>Desch</a:t>
            </a:r>
            <a:r>
              <a:rPr lang="en-GB" altLang="en-US" dirty="0" smtClean="0"/>
              <a:t>, Jean-Paul </a:t>
            </a:r>
            <a:r>
              <a:rPr lang="en-GB" altLang="en-US" dirty="0" err="1" smtClean="0"/>
              <a:t>Fransen</a:t>
            </a:r>
            <a:r>
              <a:rPr lang="en-GB" altLang="en-US" dirty="0" smtClean="0"/>
              <a:t>, Harry van der </a:t>
            </a:r>
            <a:r>
              <a:rPr lang="en-GB" altLang="en-US" dirty="0" err="1" smtClean="0"/>
              <a:t>Graaf</a:t>
            </a:r>
            <a:r>
              <a:rPr lang="en-GB" altLang="en-US" dirty="0" smtClean="0"/>
              <a:t>, Markus Gruber, Fred </a:t>
            </a:r>
            <a:r>
              <a:rPr lang="en-GB" altLang="en-US" dirty="0" err="1" smtClean="0"/>
              <a:t>Hartjes</a:t>
            </a:r>
            <a:r>
              <a:rPr lang="en-GB" altLang="en-US" dirty="0" smtClean="0"/>
              <a:t>, Bas van der </a:t>
            </a:r>
            <a:r>
              <a:rPr lang="en-GB" altLang="en-US" dirty="0" err="1" smtClean="0"/>
              <a:t>Heijden</a:t>
            </a:r>
            <a:r>
              <a:rPr lang="en-GB" altLang="en-US" dirty="0" smtClean="0"/>
              <a:t>, Kevin </a:t>
            </a:r>
            <a:r>
              <a:rPr lang="en-GB" altLang="en-US" dirty="0" err="1" smtClean="0"/>
              <a:t>Heijhof</a:t>
            </a:r>
            <a:r>
              <a:rPr lang="en-GB" altLang="en-US" dirty="0" smtClean="0"/>
              <a:t>, Charles </a:t>
            </a:r>
            <a:r>
              <a:rPr lang="en-GB" altLang="en-US" dirty="0" err="1" smtClean="0"/>
              <a:t>Ietswaard</a:t>
            </a:r>
            <a:r>
              <a:rPr lang="en-GB" altLang="en-US" dirty="0" smtClean="0"/>
              <a:t>, Dimitri John, </a:t>
            </a:r>
            <a:r>
              <a:rPr lang="en-GB" altLang="en-US" dirty="0" err="1" smtClean="0"/>
              <a:t>Jochen</a:t>
            </a:r>
            <a:r>
              <a:rPr lang="en-GB" altLang="en-US" dirty="0" smtClean="0"/>
              <a:t> Kaminski, Peter </a:t>
            </a:r>
            <a:r>
              <a:rPr lang="en-GB" altLang="en-US" dirty="0" err="1" smtClean="0"/>
              <a:t>Kluit</a:t>
            </a:r>
            <a:r>
              <a:rPr lang="en-GB" altLang="en-US" dirty="0" smtClean="0"/>
              <a:t>, Naomi van der </a:t>
            </a:r>
            <a:r>
              <a:rPr lang="en-GB" altLang="en-US" dirty="0" err="1" smtClean="0"/>
              <a:t>Kolk</a:t>
            </a:r>
            <a:r>
              <a:rPr lang="en-GB" altLang="en-US" dirty="0" smtClean="0"/>
              <a:t>, Auke </a:t>
            </a:r>
            <a:r>
              <a:rPr lang="en-GB" altLang="en-US" dirty="0" err="1" smtClean="0"/>
              <a:t>Korporaal</a:t>
            </a:r>
            <a:r>
              <a:rPr lang="en-GB" altLang="en-US" dirty="0" smtClean="0"/>
              <a:t>, </a:t>
            </a:r>
            <a:r>
              <a:rPr lang="en-GB" altLang="en-US" dirty="0" err="1" smtClean="0"/>
              <a:t>Cornelis</a:t>
            </a:r>
            <a:r>
              <a:rPr lang="en-GB" altLang="en-US" dirty="0" smtClean="0"/>
              <a:t> </a:t>
            </a:r>
            <a:r>
              <a:rPr lang="en-GB" altLang="en-US" dirty="0" err="1" smtClean="0"/>
              <a:t>Ligtenberg</a:t>
            </a:r>
            <a:r>
              <a:rPr lang="en-GB" altLang="en-US" dirty="0" smtClean="0"/>
              <a:t>, Oscar van </a:t>
            </a:r>
            <a:r>
              <a:rPr lang="en-GB" altLang="en-US" dirty="0" err="1" smtClean="0"/>
              <a:t>Petten</a:t>
            </a:r>
            <a:r>
              <a:rPr lang="en-GB" altLang="en-US" dirty="0" smtClean="0"/>
              <a:t>, Gerhard Raven, </a:t>
            </a:r>
            <a:r>
              <a:rPr lang="en-GB" altLang="en-US" dirty="0" err="1" smtClean="0"/>
              <a:t>Joop</a:t>
            </a:r>
            <a:r>
              <a:rPr lang="en-GB" altLang="en-US" dirty="0" smtClean="0"/>
              <a:t> </a:t>
            </a:r>
            <a:r>
              <a:rPr lang="en-GB" altLang="en-US" dirty="0" err="1" smtClean="0"/>
              <a:t>Rövekamp</a:t>
            </a:r>
            <a:r>
              <a:rPr lang="en-GB" altLang="en-US" dirty="0" smtClean="0"/>
              <a:t>, Lucian </a:t>
            </a:r>
            <a:r>
              <a:rPr lang="en-GB" altLang="en-US" dirty="0" err="1" smtClean="0"/>
              <a:t>Scharenberg</a:t>
            </a:r>
            <a:r>
              <a:rPr lang="en-GB" altLang="en-US" dirty="0" smtClean="0"/>
              <a:t>, Tobias </a:t>
            </a:r>
            <a:r>
              <a:rPr lang="en-GB" altLang="en-US" dirty="0" err="1" smtClean="0"/>
              <a:t>Schiffer</a:t>
            </a:r>
            <a:r>
              <a:rPr lang="en-GB" altLang="en-US" dirty="0" smtClean="0"/>
              <a:t>, Sebastian Schmidt and Jan Timmermans</a:t>
            </a:r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b="1" dirty="0" err="1" smtClean="0"/>
              <a:t>Nikhef</a:t>
            </a:r>
            <a:endParaRPr lang="en-GB" altLang="en-US" b="1" dirty="0" smtClean="0"/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dirty="0" smtClean="0"/>
              <a:t>and</a:t>
            </a:r>
            <a:r>
              <a:rPr lang="en-GB" altLang="en-US" b="1" dirty="0" smtClean="0"/>
              <a:t> </a:t>
            </a:r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b="1" dirty="0" err="1" smtClean="0"/>
              <a:t>Physikalisches</a:t>
            </a:r>
            <a:r>
              <a:rPr lang="en-GB" altLang="en-US" b="1" dirty="0" smtClean="0"/>
              <a:t> </a:t>
            </a:r>
            <a:r>
              <a:rPr lang="en-GB" altLang="en-US" b="1" dirty="0" err="1" smtClean="0"/>
              <a:t>Institut</a:t>
            </a:r>
            <a:r>
              <a:rPr lang="en-GB" altLang="en-US" b="1" dirty="0" smtClean="0"/>
              <a:t> </a:t>
            </a:r>
            <a:r>
              <a:rPr lang="en-GB" altLang="en-US" b="1" dirty="0" err="1" smtClean="0"/>
              <a:t>Universität</a:t>
            </a:r>
            <a:r>
              <a:rPr lang="en-GB" altLang="en-US" b="1" dirty="0" smtClean="0"/>
              <a:t> Bonn</a:t>
            </a:r>
          </a:p>
        </p:txBody>
      </p:sp>
      <p:pic>
        <p:nvPicPr>
          <p:cNvPr id="3077" name="Picture 7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400" y="404814"/>
            <a:ext cx="2232025" cy="871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9" name="Picture 2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799" t="5901" r="5202" b="18501"/>
          <a:stretch>
            <a:fillRect/>
          </a:stretch>
        </p:blipFill>
        <p:spPr bwMode="auto">
          <a:xfrm>
            <a:off x="7104112" y="2564904"/>
            <a:ext cx="3251297" cy="3600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Picture 1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52384" y="480947"/>
            <a:ext cx="1865222" cy="71926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06411967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ACKUP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416920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Title 1"/>
          <p:cNvSpPr>
            <a:spLocks noGrp="1"/>
          </p:cNvSpPr>
          <p:nvPr>
            <p:ph type="title"/>
          </p:nvPr>
        </p:nvSpPr>
        <p:spPr>
          <a:xfrm>
            <a:off x="952093" y="188640"/>
            <a:ext cx="10363200" cy="800100"/>
          </a:xfrm>
        </p:spPr>
        <p:txBody>
          <a:bodyPr/>
          <a:lstStyle/>
          <a:p>
            <a:r>
              <a:rPr lang="en-US" altLang="nl-NL" sz="4000" b="0" dirty="0" err="1" smtClean="0"/>
              <a:t>GridPix</a:t>
            </a:r>
            <a:r>
              <a:rPr lang="en-US" altLang="nl-NL" sz="4000" b="0" dirty="0" smtClean="0"/>
              <a:t>: detecting individual electrons</a:t>
            </a:r>
            <a:endParaRPr lang="nl-NL" altLang="nl-NL" sz="4000" b="0" dirty="0" smtClean="0"/>
          </a:p>
        </p:txBody>
      </p:sp>
      <p:sp>
        <p:nvSpPr>
          <p:cNvPr id="6147" name="Content Placeholder 2"/>
          <p:cNvSpPr>
            <a:spLocks noGrp="1"/>
          </p:cNvSpPr>
          <p:nvPr>
            <p:ph idx="1"/>
          </p:nvPr>
        </p:nvSpPr>
        <p:spPr>
          <a:xfrm>
            <a:off x="407369" y="1484784"/>
            <a:ext cx="4299130" cy="3515866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US" altLang="nl-NL" sz="2000" dirty="0"/>
              <a:t>U</a:t>
            </a:r>
            <a:r>
              <a:rPr lang="en-US" altLang="nl-NL" sz="2000" dirty="0" smtClean="0"/>
              <a:t>ses the </a:t>
            </a:r>
            <a:r>
              <a:rPr lang="en-US" altLang="nl-NL" sz="2000" b="1" dirty="0" smtClean="0"/>
              <a:t>complete information </a:t>
            </a:r>
            <a:r>
              <a:rPr lang="en-US" altLang="nl-NL" sz="2000" dirty="0" smtClean="0"/>
              <a:t>of the ionization profile </a:t>
            </a:r>
          </a:p>
          <a:p>
            <a:pPr>
              <a:buFontTx/>
              <a:buBlip>
                <a:blip r:embed="rId2"/>
              </a:buBlip>
            </a:pPr>
            <a:endParaRPr lang="en-US" altLang="nl-NL" sz="2000" dirty="0" smtClean="0"/>
          </a:p>
          <a:p>
            <a:pPr>
              <a:buFontTx/>
              <a:buBlip>
                <a:blip r:embed="rId2"/>
              </a:buBlip>
            </a:pPr>
            <a:r>
              <a:rPr lang="en-US" altLang="nl-NL" sz="2000" dirty="0" smtClean="0"/>
              <a:t>The </a:t>
            </a:r>
            <a:r>
              <a:rPr lang="en-US" altLang="nl-NL" sz="2000" b="1" dirty="0" smtClean="0"/>
              <a:t>best resolution </a:t>
            </a:r>
            <a:r>
              <a:rPr lang="en-US" altLang="nl-NL" sz="2000" dirty="0" smtClean="0"/>
              <a:t>that can be obtained with a gaseous detector</a:t>
            </a:r>
          </a:p>
          <a:p>
            <a:pPr lvl="1">
              <a:buFontTx/>
              <a:buBlip>
                <a:blip r:embed="rId2"/>
              </a:buBlip>
            </a:pPr>
            <a:r>
              <a:rPr lang="en-US" altLang="nl-NL" sz="1800" dirty="0" err="1" smtClean="0"/>
              <a:t>dE</a:t>
            </a:r>
            <a:r>
              <a:rPr lang="en-US" altLang="nl-NL" sz="1800" dirty="0" smtClean="0"/>
              <a:t>/dx by single electron counting</a:t>
            </a:r>
          </a:p>
          <a:p>
            <a:pPr marL="0" indent="0">
              <a:buNone/>
            </a:pPr>
            <a:endParaRPr lang="en-US" altLang="nl-NL" sz="2000" dirty="0" smtClean="0"/>
          </a:p>
          <a:p>
            <a:pPr>
              <a:buFontTx/>
              <a:buBlip>
                <a:blip r:embed="rId2"/>
              </a:buBlip>
            </a:pPr>
            <a:r>
              <a:rPr lang="en-US" altLang="nl-NL" sz="2000" b="1" dirty="0" smtClean="0"/>
              <a:t>Fine granularity </a:t>
            </a:r>
            <a:r>
              <a:rPr lang="en-US" altLang="nl-NL" sz="2000" dirty="0" smtClean="0"/>
              <a:t>enables</a:t>
            </a:r>
            <a:r>
              <a:rPr lang="en-US" altLang="nl-NL" sz="2000" b="1" dirty="0" smtClean="0"/>
              <a:t> rejecting background tracks</a:t>
            </a:r>
            <a:r>
              <a:rPr lang="en-US" altLang="nl-NL" sz="2000" dirty="0" smtClean="0"/>
              <a:t> and </a:t>
            </a:r>
            <a:r>
              <a:rPr lang="en-US" altLang="nl-NL" sz="2000" b="1" dirty="0" smtClean="0"/>
              <a:t>deltas</a:t>
            </a:r>
            <a:r>
              <a:rPr lang="en-US" altLang="nl-NL" sz="2000" dirty="0" smtClean="0"/>
              <a:t> in offline analysis  </a:t>
            </a:r>
            <a:endParaRPr lang="nl-NL" altLang="nl-NL" sz="2000" dirty="0" smtClean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90663" y="1266205"/>
            <a:ext cx="7554009" cy="4683075"/>
          </a:xfrm>
          <a:prstGeom prst="rect">
            <a:avLst/>
          </a:prstGeom>
        </p:spPr>
      </p:pic>
      <p:sp>
        <p:nvSpPr>
          <p:cNvPr id="6149" name="TextBox 2"/>
          <p:cNvSpPr txBox="1">
            <a:spLocks noChangeArrowheads="1"/>
          </p:cNvSpPr>
          <p:nvPr/>
        </p:nvSpPr>
        <p:spPr bwMode="auto">
          <a:xfrm>
            <a:off x="6252018" y="2278400"/>
            <a:ext cx="3091039" cy="400110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  <a:extLst/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sz="2000" i="1" dirty="0"/>
              <a:t>M</a:t>
            </a:r>
            <a:r>
              <a:rPr lang="en-US" altLang="nl-NL" sz="2000" i="1" dirty="0" smtClean="0"/>
              <a:t>easured track in test beam</a:t>
            </a:r>
          </a:p>
        </p:txBody>
      </p:sp>
      <p:cxnSp>
        <p:nvCxnSpPr>
          <p:cNvPr id="3" name="Straight Arrow Connector 2"/>
          <p:cNvCxnSpPr>
            <a:stCxn id="6149" idx="2"/>
          </p:cNvCxnSpPr>
          <p:nvPr/>
        </p:nvCxnSpPr>
        <p:spPr bwMode="auto">
          <a:xfrm flipH="1">
            <a:off x="7032104" y="2678510"/>
            <a:ext cx="765434" cy="822498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chemeClr val="accent1"/>
            </a:solidFill>
            <a:prstDash val="solid"/>
            <a:round/>
            <a:headEnd type="none" w="med" len="med"/>
            <a:tailEnd type="triangle"/>
          </a:ln>
          <a:effectLst/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Title 1"/>
          <p:cNvSpPr>
            <a:spLocks noGrp="1"/>
          </p:cNvSpPr>
          <p:nvPr>
            <p:ph type="title"/>
          </p:nvPr>
        </p:nvSpPr>
        <p:spPr>
          <a:xfrm>
            <a:off x="2279651" y="185738"/>
            <a:ext cx="6192613" cy="576262"/>
          </a:xfrm>
        </p:spPr>
        <p:txBody>
          <a:bodyPr/>
          <a:lstStyle/>
          <a:p>
            <a:r>
              <a:rPr lang="en-GB" altLang="en-US" sz="4000" b="0" dirty="0" smtClean="0"/>
              <a:t>Pixel chip: TimePix3</a:t>
            </a:r>
          </a:p>
        </p:txBody>
      </p:sp>
      <p:sp>
        <p:nvSpPr>
          <p:cNvPr id="7171" name="Content Placeholder 2"/>
          <p:cNvSpPr>
            <a:spLocks noGrp="1"/>
          </p:cNvSpPr>
          <p:nvPr>
            <p:ph idx="1"/>
          </p:nvPr>
        </p:nvSpPr>
        <p:spPr>
          <a:xfrm>
            <a:off x="767408" y="620688"/>
            <a:ext cx="4597400" cy="4032250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256 x 256 pixels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55 x 55 µm pitch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=&gt; 14.1 x 14.1 mm sensitive area</a:t>
            </a:r>
          </a:p>
          <a:p>
            <a:pPr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TDC with </a:t>
            </a:r>
            <a:r>
              <a:rPr lang="en-GB" altLang="en-US" b="1" dirty="0" smtClean="0"/>
              <a:t>610 MHz clock (1.64 ns)</a:t>
            </a:r>
          </a:p>
          <a:p>
            <a:pPr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/>
              <a:t>U</a:t>
            </a:r>
            <a:r>
              <a:rPr lang="en-GB" altLang="en-US" dirty="0" smtClean="0"/>
              <a:t>sed in the data driven mod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Each hit consists of the </a:t>
            </a:r>
            <a:r>
              <a:rPr lang="en-GB" altLang="en-US" b="1" dirty="0" smtClean="0"/>
              <a:t>pixel address </a:t>
            </a:r>
            <a:r>
              <a:rPr lang="en-GB" altLang="en-US" dirty="0" smtClean="0"/>
              <a:t>and </a:t>
            </a:r>
            <a:r>
              <a:rPr lang="en-GB" altLang="en-US" b="1" dirty="0" smtClean="0"/>
              <a:t>time stamp </a:t>
            </a:r>
            <a:r>
              <a:rPr lang="en-GB" altLang="en-US" dirty="0" smtClean="0"/>
              <a:t>of arrival time (</a:t>
            </a:r>
            <a:r>
              <a:rPr lang="en-GB" altLang="en-US" dirty="0" err="1" smtClean="0"/>
              <a:t>ToA</a:t>
            </a:r>
            <a:r>
              <a:rPr lang="en-GB" altLang="en-US" dirty="0" smtClean="0"/>
              <a:t>)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Time over threshold (</a:t>
            </a:r>
            <a:r>
              <a:rPr lang="en-GB" altLang="en-US" dirty="0" err="1" smtClean="0"/>
              <a:t>ToT</a:t>
            </a:r>
            <a:r>
              <a:rPr lang="en-GB" altLang="en-US" dirty="0" smtClean="0"/>
              <a:t>) is added to register the signal amplitud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b="1" dirty="0" smtClean="0"/>
              <a:t>=&gt; compensation for time walk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b="1" dirty="0" smtClean="0"/>
              <a:t>Trigger</a:t>
            </a:r>
            <a:r>
              <a:rPr lang="en-GB" altLang="en-US" dirty="0" smtClean="0"/>
              <a:t> (for t</a:t>
            </a:r>
            <a:r>
              <a:rPr lang="en-GB" altLang="en-US" baseline="-25000" dirty="0" smtClean="0"/>
              <a:t>0</a:t>
            </a:r>
            <a:r>
              <a:rPr lang="en-GB" altLang="en-US" dirty="0" smtClean="0"/>
              <a:t>) added to the data stream as an additional time stamp</a:t>
            </a:r>
          </a:p>
          <a:p>
            <a:pPr marL="0" indent="0">
              <a:buNone/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High power consumption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~ 1 A @ 2 V (2W), depending on hit rat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=&gt; good cooling is important</a:t>
            </a:r>
          </a:p>
        </p:txBody>
      </p:sp>
      <p:pic>
        <p:nvPicPr>
          <p:cNvPr id="7172" name="Picture 6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67438" y="900112"/>
            <a:ext cx="4406900" cy="2909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3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800" t="18500" r="19202" b="32150"/>
          <a:stretch>
            <a:fillRect/>
          </a:stretch>
        </p:blipFill>
        <p:spPr bwMode="auto">
          <a:xfrm>
            <a:off x="6926264" y="3819525"/>
            <a:ext cx="3151187" cy="2962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4" name="Title 1"/>
          <p:cNvSpPr>
            <a:spLocks noGrp="1"/>
          </p:cNvSpPr>
          <p:nvPr>
            <p:ph type="title"/>
          </p:nvPr>
        </p:nvSpPr>
        <p:spPr>
          <a:xfrm>
            <a:off x="1490662" y="261938"/>
            <a:ext cx="7272338" cy="576262"/>
          </a:xfrm>
        </p:spPr>
        <p:txBody>
          <a:bodyPr/>
          <a:lstStyle/>
          <a:p>
            <a:r>
              <a:rPr lang="en-GB" altLang="en-US" sz="4000" b="0" dirty="0" smtClean="0"/>
              <a:t>TimePix3 equipped with </a:t>
            </a:r>
            <a:r>
              <a:rPr lang="en-GB" altLang="en-US" sz="4000" b="0" dirty="0" err="1" smtClean="0"/>
              <a:t>InGrid</a:t>
            </a:r>
            <a:endParaRPr lang="en-GB" altLang="en-US" sz="4000" b="0" dirty="0" smtClean="0"/>
          </a:p>
        </p:txBody>
      </p:sp>
      <p:sp>
        <p:nvSpPr>
          <p:cNvPr id="8195" name="Content Placeholder 2"/>
          <p:cNvSpPr>
            <a:spLocks noGrp="1"/>
          </p:cNvSpPr>
          <p:nvPr>
            <p:ph idx="1"/>
          </p:nvPr>
        </p:nvSpPr>
        <p:spPr>
          <a:xfrm>
            <a:off x="774599" y="865187"/>
            <a:ext cx="5040312" cy="3097213"/>
          </a:xfrm>
        </p:spPr>
        <p:txBody>
          <a:bodyPr/>
          <a:lstStyle/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/>
              <a:t>W</a:t>
            </a:r>
            <a:r>
              <a:rPr lang="en-GB" altLang="en-US" dirty="0" smtClean="0"/>
              <a:t>afer post-processing at IZM Berlin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Aluminium grid (1 µm thick)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35 µm wide holes, 55 µm pitch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Supported by SU8 pillars 50 µm high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Grid surrounded by SU8 dyke (150 µm wide solid strip) for mechanical and HV stability</a:t>
            </a:r>
          </a:p>
        </p:txBody>
      </p:sp>
      <p:pic>
        <p:nvPicPr>
          <p:cNvPr id="8197" name="Picture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402" t="26901" r="16402" b="23750"/>
          <a:stretch>
            <a:fillRect/>
          </a:stretch>
        </p:blipFill>
        <p:spPr bwMode="auto">
          <a:xfrm>
            <a:off x="8489152" y="-8267"/>
            <a:ext cx="2918558" cy="28582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8199" name="Group 15"/>
          <p:cNvGrpSpPr>
            <a:grpSpLocks/>
          </p:cNvGrpSpPr>
          <p:nvPr/>
        </p:nvGrpSpPr>
        <p:grpSpPr bwMode="auto">
          <a:xfrm>
            <a:off x="922110" y="4009621"/>
            <a:ext cx="3614516" cy="2275202"/>
            <a:chOff x="683568" y="4057347"/>
            <a:chExt cx="3614641" cy="2275885"/>
          </a:xfrm>
        </p:grpSpPr>
        <p:pic>
          <p:nvPicPr>
            <p:cNvPr id="8202" name="Picture 4"/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417" t="20714" r="28148" b="35266"/>
            <a:stretch>
              <a:fillRect/>
            </a:stretch>
          </p:blipFill>
          <p:spPr bwMode="auto">
            <a:xfrm>
              <a:off x="683568" y="4057347"/>
              <a:ext cx="3614641" cy="227588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8203" name="Straight Arrow Connector 6"/>
            <p:cNvCxnSpPr>
              <a:cxnSpLocks noChangeShapeType="1"/>
            </p:cNvCxnSpPr>
            <p:nvPr/>
          </p:nvCxnSpPr>
          <p:spPr bwMode="auto">
            <a:xfrm>
              <a:off x="2699792" y="4653136"/>
              <a:ext cx="1152128" cy="0"/>
            </a:xfrm>
            <a:prstGeom prst="straightConnector1">
              <a:avLst/>
            </a:prstGeom>
            <a:noFill/>
            <a:ln w="57150" algn="ctr">
              <a:solidFill>
                <a:schemeClr val="bg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sp>
          <p:nvSpPr>
            <p:cNvPr id="8204" name="TextBox 9"/>
            <p:cNvSpPr txBox="1">
              <a:spLocks noChangeArrowheads="1"/>
            </p:cNvSpPr>
            <p:nvPr/>
          </p:nvSpPr>
          <p:spPr bwMode="auto">
            <a:xfrm>
              <a:off x="2787228" y="4191471"/>
              <a:ext cx="977255" cy="46166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US" altLang="nl-NL">
                  <a:solidFill>
                    <a:schemeClr val="bg1"/>
                  </a:solidFill>
                  <a:latin typeface="Arial Black" panose="020B0A04020102020204" pitchFamily="34" charset="0"/>
                </a:rPr>
                <a:t>dyke</a:t>
              </a:r>
              <a:endParaRPr lang="nl-NL" altLang="nl-NL">
                <a:solidFill>
                  <a:schemeClr val="bg1"/>
                </a:solidFill>
                <a:latin typeface="Arial Black" panose="020B0A04020102020204" pitchFamily="34" charset="0"/>
              </a:endParaRPr>
            </a:p>
          </p:txBody>
        </p:sp>
      </p:grpSp>
      <p:sp>
        <p:nvSpPr>
          <p:cNvPr id="8200" name="Rectangle 10"/>
          <p:cNvSpPr>
            <a:spLocks noChangeArrowheads="1"/>
          </p:cNvSpPr>
          <p:nvPr/>
        </p:nvSpPr>
        <p:spPr bwMode="auto">
          <a:xfrm>
            <a:off x="11064559" y="1700808"/>
            <a:ext cx="216017" cy="143973"/>
          </a:xfrm>
          <a:prstGeom prst="rect">
            <a:avLst/>
          </a:prstGeom>
          <a:noFill/>
          <a:ln w="28575" algn="ctr">
            <a:solidFill>
              <a:schemeClr val="accent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2" name="TextBox 1"/>
          <p:cNvSpPr txBox="1"/>
          <p:nvPr/>
        </p:nvSpPr>
        <p:spPr>
          <a:xfrm>
            <a:off x="6822932" y="6200716"/>
            <a:ext cx="130356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/>
              <a:t>Cut view</a:t>
            </a:r>
            <a:endParaRPr lang="nl-NL" dirty="0"/>
          </a:p>
        </p:txBody>
      </p:sp>
      <p:grpSp>
        <p:nvGrpSpPr>
          <p:cNvPr id="12" name="Group 11"/>
          <p:cNvGrpSpPr/>
          <p:nvPr/>
        </p:nvGrpSpPr>
        <p:grpSpPr>
          <a:xfrm>
            <a:off x="6852097" y="3212976"/>
            <a:ext cx="4784587" cy="3588441"/>
            <a:chOff x="6852097" y="3212976"/>
            <a:chExt cx="4784587" cy="3588441"/>
          </a:xfrm>
        </p:grpSpPr>
        <p:pic>
          <p:nvPicPr>
            <p:cNvPr id="3" name="Picture 2"/>
            <p:cNvPicPr>
              <a:picLocks noChangeAspect="1"/>
            </p:cNvPicPr>
            <p:nvPr/>
          </p:nvPicPr>
          <p:blipFill>
            <a:blip r:embed="rId5" cstate="print">
              <a:extLst>
                <a:ext uri="{BEBA8EAE-BF5A-486C-A8C5-ECC9F3942E4B}">
                  <a14:imgProps xmlns:a14="http://schemas.microsoft.com/office/drawing/2010/main">
                    <a14:imgLayer>
                      <a14:imgEffect>
                        <a14:brightnessContrast bright="20000" contras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852097" y="3212976"/>
              <a:ext cx="4784587" cy="3588441"/>
            </a:xfrm>
            <a:prstGeom prst="rect">
              <a:avLst/>
            </a:prstGeom>
          </p:spPr>
        </p:pic>
        <p:cxnSp>
          <p:nvCxnSpPr>
            <p:cNvPr id="7" name="Straight Arrow Connector 6"/>
            <p:cNvCxnSpPr/>
            <p:nvPr/>
          </p:nvCxnSpPr>
          <p:spPr bwMode="auto">
            <a:xfrm>
              <a:off x="8184232" y="5079204"/>
              <a:ext cx="0" cy="510036"/>
            </a:xfrm>
            <a:prstGeom prst="straightConnector1">
              <a:avLst/>
            </a:prstGeom>
            <a:solidFill>
              <a:schemeClr val="accent1"/>
            </a:solidFill>
            <a:ln w="38100" cap="flat" cmpd="sng" algn="ctr">
              <a:solidFill>
                <a:srgbClr val="FF0000"/>
              </a:solidFill>
              <a:prstDash val="solid"/>
              <a:round/>
              <a:headEnd type="triangle" w="med" len="med"/>
              <a:tailEnd type="triangle" w="med" len="med"/>
            </a:ln>
            <a:effectLst/>
          </p:spPr>
        </p:cxnSp>
        <p:sp>
          <p:nvSpPr>
            <p:cNvPr id="11" name="TextBox 10"/>
            <p:cNvSpPr txBox="1"/>
            <p:nvPr/>
          </p:nvSpPr>
          <p:spPr>
            <a:xfrm>
              <a:off x="8180711" y="5007196"/>
              <a:ext cx="986167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>
                  <a:solidFill>
                    <a:srgbClr val="FF0000"/>
                  </a:solidFill>
                </a:rPr>
                <a:t>50 µm</a:t>
              </a:r>
              <a:endParaRPr lang="nl-NL" dirty="0">
                <a:solidFill>
                  <a:srgbClr val="FF0000"/>
                </a:solidFill>
              </a:endParaRPr>
            </a:p>
          </p:txBody>
        </p:sp>
      </p:grpSp>
      <p:cxnSp>
        <p:nvCxnSpPr>
          <p:cNvPr id="8201" name="Straight Arrow Connector 12"/>
          <p:cNvCxnSpPr>
            <a:cxnSpLocks noChangeShapeType="1"/>
            <a:stCxn id="8200" idx="2"/>
          </p:cNvCxnSpPr>
          <p:nvPr/>
        </p:nvCxnSpPr>
        <p:spPr bwMode="auto">
          <a:xfrm flipH="1">
            <a:off x="4666397" y="1844781"/>
            <a:ext cx="6506171" cy="2147083"/>
          </a:xfrm>
          <a:prstGeom prst="straightConnector1">
            <a:avLst/>
          </a:prstGeom>
          <a:noFill/>
          <a:ln w="38100" algn="ctr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Title 1"/>
          <p:cNvSpPr>
            <a:spLocks noGrp="1"/>
          </p:cNvSpPr>
          <p:nvPr>
            <p:ph type="title"/>
          </p:nvPr>
        </p:nvSpPr>
        <p:spPr>
          <a:xfrm>
            <a:off x="1524001" y="366713"/>
            <a:ext cx="4829175" cy="800100"/>
          </a:xfrm>
        </p:spPr>
        <p:txBody>
          <a:bodyPr/>
          <a:lstStyle/>
          <a:p>
            <a:r>
              <a:rPr lang="en-US" altLang="nl-NL" smtClean="0"/>
              <a:t>Maximizing active area</a:t>
            </a:r>
            <a:endParaRPr lang="nl-NL" altLang="nl-NL" smtClean="0"/>
          </a:p>
        </p:txBody>
      </p:sp>
      <p:pic>
        <p:nvPicPr>
          <p:cNvPr id="10243" name="Content Placeholder 3"/>
          <p:cNvPicPr>
            <a:picLocks noGrp="1" noChangeAspect="1"/>
          </p:cNvPicPr>
          <p:nvPr>
            <p:ph idx="1"/>
          </p:nvPr>
        </p:nvPicPr>
        <p:blipFill>
          <a:blip r:embed="rId2" cstate="print">
            <a:lum bright="2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936" r="4762" b="3972"/>
          <a:stretch>
            <a:fillRect/>
          </a:stretch>
        </p:blipFill>
        <p:spPr>
          <a:xfrm>
            <a:off x="6262688" y="512764"/>
            <a:ext cx="3960812" cy="5545137"/>
          </a:xfrm>
        </p:spPr>
      </p:pic>
      <p:cxnSp>
        <p:nvCxnSpPr>
          <p:cNvPr id="10244" name="Straight Arrow Connector 4"/>
          <p:cNvCxnSpPr>
            <a:cxnSpLocks noChangeShapeType="1"/>
          </p:cNvCxnSpPr>
          <p:nvPr/>
        </p:nvCxnSpPr>
        <p:spPr bwMode="auto">
          <a:xfrm>
            <a:off x="6096000" y="5229225"/>
            <a:ext cx="0" cy="850900"/>
          </a:xfrm>
          <a:prstGeom prst="straightConnector1">
            <a:avLst/>
          </a:prstGeom>
          <a:noFill/>
          <a:ln w="38100" algn="ctr">
            <a:solidFill>
              <a:schemeClr val="tx1"/>
            </a:solidFill>
            <a:round/>
            <a:headEnd type="triangle" w="med" len="med"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45" name="TextBox 5"/>
          <p:cNvSpPr txBox="1">
            <a:spLocks noChangeArrowheads="1"/>
          </p:cNvSpPr>
          <p:nvPr/>
        </p:nvSpPr>
        <p:spPr bwMode="auto">
          <a:xfrm>
            <a:off x="5178426" y="5373689"/>
            <a:ext cx="893763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3 mm</a:t>
            </a:r>
            <a:endParaRPr lang="nl-NL" altLang="nl-NL"/>
          </a:p>
        </p:txBody>
      </p:sp>
      <p:cxnSp>
        <p:nvCxnSpPr>
          <p:cNvPr id="10246" name="Straight Arrow Connector 6"/>
          <p:cNvCxnSpPr>
            <a:cxnSpLocks noChangeShapeType="1"/>
          </p:cNvCxnSpPr>
          <p:nvPr/>
        </p:nvCxnSpPr>
        <p:spPr bwMode="auto">
          <a:xfrm>
            <a:off x="6096001" y="4581525"/>
            <a:ext cx="4763" cy="642938"/>
          </a:xfrm>
          <a:prstGeom prst="straightConnector1">
            <a:avLst/>
          </a:prstGeom>
          <a:noFill/>
          <a:ln w="38100" algn="ctr">
            <a:solidFill>
              <a:schemeClr val="tx1"/>
            </a:solidFill>
            <a:round/>
            <a:headEnd type="triangle" w="med" len="med"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47" name="TextBox 7"/>
          <p:cNvSpPr txBox="1">
            <a:spLocks noChangeArrowheads="1"/>
          </p:cNvSpPr>
          <p:nvPr/>
        </p:nvSpPr>
        <p:spPr bwMode="auto">
          <a:xfrm>
            <a:off x="5207001" y="4672013"/>
            <a:ext cx="893763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2 mm</a:t>
            </a:r>
            <a:endParaRPr lang="nl-NL" altLang="nl-NL"/>
          </a:p>
        </p:txBody>
      </p:sp>
      <p:cxnSp>
        <p:nvCxnSpPr>
          <p:cNvPr id="10248" name="Straight Connector 8"/>
          <p:cNvCxnSpPr>
            <a:cxnSpLocks noChangeShapeType="1"/>
          </p:cNvCxnSpPr>
          <p:nvPr/>
        </p:nvCxnSpPr>
        <p:spPr bwMode="auto">
          <a:xfrm>
            <a:off x="5889625" y="5224463"/>
            <a:ext cx="342900" cy="0"/>
          </a:xfrm>
          <a:prstGeom prst="line">
            <a:avLst/>
          </a:prstGeom>
          <a:noFill/>
          <a:ln w="28575" algn="ctr">
            <a:solidFill>
              <a:schemeClr val="tx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49" name="Text Placeholder 14"/>
          <p:cNvSpPr>
            <a:spLocks noGrp="1"/>
          </p:cNvSpPr>
          <p:nvPr>
            <p:ph type="body" idx="4294967295"/>
          </p:nvPr>
        </p:nvSpPr>
        <p:spPr>
          <a:xfrm>
            <a:off x="1271464" y="1404938"/>
            <a:ext cx="4056062" cy="3371850"/>
          </a:xfrm>
        </p:spPr>
        <p:txBody>
          <a:bodyPr/>
          <a:lstStyle/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Using TimePix3 chip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err="1" smtClean="0"/>
              <a:t>Wirebond</a:t>
            </a:r>
            <a:r>
              <a:rPr lang="en-US" altLang="nl-NL" dirty="0" smtClean="0"/>
              <a:t> board squeezed to smallest width possible =&gt; </a:t>
            </a:r>
            <a:r>
              <a:rPr lang="en-US" altLang="nl-NL" b="1" dirty="0" smtClean="0"/>
              <a:t>3 mm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Inactive zone (</a:t>
            </a:r>
            <a:r>
              <a:rPr lang="en-US" altLang="nl-NL" dirty="0" err="1" smtClean="0"/>
              <a:t>wirebond</a:t>
            </a:r>
            <a:r>
              <a:rPr lang="en-US" altLang="nl-NL" dirty="0" smtClean="0"/>
              <a:t> pads + electronics) =&gt; </a:t>
            </a:r>
            <a:r>
              <a:rPr lang="en-US" altLang="nl-NL" b="1" dirty="0" smtClean="0"/>
              <a:t>2 mm</a:t>
            </a:r>
          </a:p>
          <a:p>
            <a:pPr>
              <a:buFontTx/>
              <a:buBlip>
                <a:blip r:embed="rId3"/>
              </a:buBlip>
            </a:pPr>
            <a:endParaRPr lang="en-US" altLang="nl-NL" b="1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b="1" dirty="0" smtClean="0"/>
              <a:t>=&gt; we need a 5 mm wide inactive zone per chip for connection + electronics</a:t>
            </a:r>
          </a:p>
          <a:p>
            <a:pPr marL="0" indent="0">
              <a:buNone/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(only applies when the connecting PCB is shared with an opposite chip)</a:t>
            </a:r>
            <a:endParaRPr lang="nl-NL" altLang="nl-NL" dirty="0" smtClean="0"/>
          </a:p>
        </p:txBody>
      </p:sp>
      <p:sp>
        <p:nvSpPr>
          <p:cNvPr id="10250" name="Rectangle 15"/>
          <p:cNvSpPr>
            <a:spLocks noChangeArrowheads="1"/>
          </p:cNvSpPr>
          <p:nvPr/>
        </p:nvSpPr>
        <p:spPr bwMode="auto">
          <a:xfrm>
            <a:off x="6262688" y="4581526"/>
            <a:ext cx="3960812" cy="1476375"/>
          </a:xfrm>
          <a:prstGeom prst="rect">
            <a:avLst/>
          </a:prstGeom>
          <a:noFill/>
          <a:ln w="28575" algn="ctr">
            <a:solidFill>
              <a:srgbClr val="FF0000"/>
            </a:solidFill>
            <a:prstDash val="lg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10251" name="TextBox 2"/>
          <p:cNvSpPr txBox="1">
            <a:spLocks noChangeArrowheads="1"/>
          </p:cNvSpPr>
          <p:nvPr/>
        </p:nvSpPr>
        <p:spPr bwMode="auto">
          <a:xfrm>
            <a:off x="6669088" y="2165351"/>
            <a:ext cx="3149600" cy="708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 sz="4000" b="1">
                <a:solidFill>
                  <a:schemeClr val="bg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Sensitive area</a:t>
            </a:r>
            <a:endParaRPr lang="nl-NL" altLang="nl-NL" sz="4000" b="1">
              <a:solidFill>
                <a:schemeClr val="bg1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8860030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Content Placeholder 2"/>
          <p:cNvSpPr>
            <a:spLocks noGrp="1"/>
          </p:cNvSpPr>
          <p:nvPr>
            <p:ph idx="1"/>
          </p:nvPr>
        </p:nvSpPr>
        <p:spPr>
          <a:xfrm>
            <a:off x="1728789" y="1757363"/>
            <a:ext cx="3990975" cy="2347912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sz="2400"/>
              <a:t>1 x 2 chips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sz="2000"/>
              <a:t>Not sufficient space (14 mm) for a LV stabilisation, chip control lines and a data RO</a:t>
            </a:r>
          </a:p>
          <a:p>
            <a:pPr>
              <a:buFontTx/>
              <a:buBlip>
                <a:blip r:embed="rId2"/>
              </a:buBlip>
            </a:pPr>
            <a:endParaRPr lang="en-GB" altLang="en-US" sz="2400" b="1"/>
          </a:p>
          <a:p>
            <a:pPr>
              <a:buFontTx/>
              <a:buBlip>
                <a:blip r:embed="rId2"/>
              </a:buBlip>
            </a:pPr>
            <a:r>
              <a:rPr lang="en-GB" altLang="en-US" sz="2400" b="1"/>
              <a:t>2 x 2 chips (QUAD)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sz="2000"/>
              <a:t>All fits</a:t>
            </a:r>
          </a:p>
          <a:p>
            <a:pPr>
              <a:buFontTx/>
              <a:buBlip>
                <a:blip r:embed="rId2"/>
              </a:buBlip>
            </a:pPr>
            <a:endParaRPr lang="en-GB" altLang="en-US" sz="2400"/>
          </a:p>
          <a:p>
            <a:pPr>
              <a:buFontTx/>
              <a:buBlip>
                <a:blip r:embed="rId2"/>
              </a:buBlip>
            </a:pPr>
            <a:r>
              <a:rPr lang="en-GB" altLang="en-US" sz="2400"/>
              <a:t>≥ 3 x 2 chips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sz="2000"/>
              <a:t>Less flexible, lower yield, more handling risk</a:t>
            </a:r>
          </a:p>
        </p:txBody>
      </p:sp>
      <p:pic>
        <p:nvPicPr>
          <p:cNvPr id="11267" name="Picture 2" descr="C:\Data\LepCol\Module concept\Concept module block principle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384"/>
          <a:stretch>
            <a:fillRect/>
          </a:stretch>
        </p:blipFill>
        <p:spPr bwMode="auto">
          <a:xfrm>
            <a:off x="5880101" y="620714"/>
            <a:ext cx="4697413" cy="60975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268" name="Title 1"/>
          <p:cNvSpPr>
            <a:spLocks noGrp="1"/>
          </p:cNvSpPr>
          <p:nvPr>
            <p:ph type="title"/>
          </p:nvPr>
        </p:nvSpPr>
        <p:spPr>
          <a:xfrm>
            <a:off x="1847851" y="692150"/>
            <a:ext cx="4176713" cy="800100"/>
          </a:xfrm>
        </p:spPr>
        <p:txBody>
          <a:bodyPr/>
          <a:lstStyle/>
          <a:p>
            <a:r>
              <a:rPr lang="en-GB" altLang="en-US" smtClean="0"/>
              <a:t>Getting the optimal detector size</a:t>
            </a:r>
          </a:p>
        </p:txBody>
      </p:sp>
      <p:sp>
        <p:nvSpPr>
          <p:cNvPr id="11269" name="Rounded Rectangle 5"/>
          <p:cNvSpPr>
            <a:spLocks noChangeArrowheads="1"/>
          </p:cNvSpPr>
          <p:nvPr/>
        </p:nvSpPr>
        <p:spPr bwMode="auto">
          <a:xfrm>
            <a:off x="2063750" y="3587751"/>
            <a:ext cx="3168650" cy="849313"/>
          </a:xfrm>
          <a:prstGeom prst="roundRect">
            <a:avLst>
              <a:gd name="adj" fmla="val 16667"/>
            </a:avLst>
          </a:prstGeom>
          <a:noFill/>
          <a:ln w="28575" algn="ctr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en-US" altLang="en-US"/>
          </a:p>
        </p:txBody>
      </p:sp>
      <p:cxnSp>
        <p:nvCxnSpPr>
          <p:cNvPr id="11270" name="Straight Arrow Connector 3"/>
          <p:cNvCxnSpPr>
            <a:cxnSpLocks noChangeShapeType="1"/>
          </p:cNvCxnSpPr>
          <p:nvPr/>
        </p:nvCxnSpPr>
        <p:spPr bwMode="auto">
          <a:xfrm>
            <a:off x="7680325" y="1341438"/>
            <a:ext cx="1079500" cy="0"/>
          </a:xfrm>
          <a:prstGeom prst="straightConnector1">
            <a:avLst/>
          </a:prstGeom>
          <a:noFill/>
          <a:ln w="28575" algn="ctr">
            <a:solidFill>
              <a:schemeClr val="tx1"/>
            </a:solidFill>
            <a:round/>
            <a:headEnd type="triangle" w="lg" len="lg"/>
            <a:tailEnd type="triangle" w="lg" len="lg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8" name="TextBox 4"/>
          <p:cNvSpPr txBox="1">
            <a:spLocks noChangeArrowheads="1"/>
          </p:cNvSpPr>
          <p:nvPr/>
        </p:nvSpPr>
        <p:spPr bwMode="auto">
          <a:xfrm>
            <a:off x="6527801" y="1154113"/>
            <a:ext cx="1065213" cy="461962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  <a:ln>
            <a:noFill/>
          </a:ln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pPr>
              <a:defRPr/>
            </a:pPr>
            <a:r>
              <a:rPr lang="en-US" altLang="nl-NL" b="1" dirty="0">
                <a:latin typeface="Calibri" panose="020F0502020204030204" pitchFamily="34" charset="0"/>
                <a:cs typeface="Calibri" panose="020F0502020204030204" pitchFamily="34" charset="0"/>
              </a:rPr>
              <a:t>10 mm</a:t>
            </a:r>
            <a:endParaRPr lang="nl-NL" altLang="nl-NL" b="1" dirty="0"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9" name="Rectangle 6"/>
          <p:cNvSpPr>
            <a:spLocks noChangeArrowheads="1"/>
          </p:cNvSpPr>
          <p:nvPr/>
        </p:nvSpPr>
        <p:spPr bwMode="auto">
          <a:xfrm>
            <a:off x="6024564" y="1916114"/>
            <a:ext cx="4391025" cy="1584325"/>
          </a:xfrm>
          <a:prstGeom prst="rect">
            <a:avLst/>
          </a:prstGeom>
          <a:solidFill>
            <a:srgbClr val="FF0000">
              <a:alpha val="50195"/>
            </a:srgbClr>
          </a:solidFill>
          <a:ln w="12700" algn="ctr">
            <a:solidFill>
              <a:schemeClr val="tx1"/>
            </a:solidFill>
            <a:round/>
            <a:headEnd/>
            <a:tailEnd/>
          </a:ln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en-US" altLang="en-US"/>
          </a:p>
        </p:txBody>
      </p:sp>
      <p:sp>
        <p:nvSpPr>
          <p:cNvPr id="13318" name="Rectangle 6"/>
          <p:cNvSpPr>
            <a:spLocks noChangeArrowheads="1"/>
          </p:cNvSpPr>
          <p:nvPr/>
        </p:nvSpPr>
        <p:spPr bwMode="auto">
          <a:xfrm>
            <a:off x="6024563" y="1916114"/>
            <a:ext cx="4392612" cy="3241675"/>
          </a:xfrm>
          <a:prstGeom prst="rect">
            <a:avLst/>
          </a:prstGeom>
          <a:solidFill>
            <a:srgbClr val="66FF33">
              <a:alpha val="50195"/>
            </a:srgbClr>
          </a:solidFill>
          <a:ln w="12700" algn="ctr">
            <a:solidFill>
              <a:schemeClr val="tx1"/>
            </a:solidFill>
            <a:round/>
            <a:headEnd/>
            <a:tailEnd/>
          </a:ln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en-US" altLang="en-US"/>
          </a:p>
        </p:txBody>
      </p:sp>
      <p:sp>
        <p:nvSpPr>
          <p:cNvPr id="10" name="Rectangle 6"/>
          <p:cNvSpPr>
            <a:spLocks noChangeArrowheads="1"/>
          </p:cNvSpPr>
          <p:nvPr/>
        </p:nvSpPr>
        <p:spPr bwMode="auto">
          <a:xfrm>
            <a:off x="6030913" y="1916113"/>
            <a:ext cx="4392612" cy="4621212"/>
          </a:xfrm>
          <a:prstGeom prst="rect">
            <a:avLst/>
          </a:prstGeom>
          <a:solidFill>
            <a:srgbClr val="FF0000">
              <a:alpha val="50195"/>
            </a:srgbClr>
          </a:solidFill>
          <a:ln w="12700" algn="ctr">
            <a:solidFill>
              <a:schemeClr val="tx1"/>
            </a:solidFill>
            <a:round/>
            <a:headEnd/>
            <a:tailEnd/>
          </a:ln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en-US" altLang="en-US"/>
          </a:p>
        </p:txBody>
      </p:sp>
    </p:spTree>
    <p:extLst>
      <p:ext uri="{BB962C8B-B14F-4D97-AF65-F5344CB8AC3E}">
        <p14:creationId xmlns:p14="http://schemas.microsoft.com/office/powerpoint/2010/main" val="389091930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  <p:subTnLst>
                                    <p:set>
                                      <p:cBhvr override="childStyle">
                                        <p:cTn dur="1" fill="hold" display="0" masterRel="nextClick" afterEffect="1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  <p:subTnLst>
                                    <p:set>
                                      <p:cBhvr override="childStyle">
                                        <p:cTn dur="1" fill="hold" display="0" masterRel="nextClick" afterEffect="1"/>
                                        <p:tgtEl>
                                          <p:spTgt spid="133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9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13318" grpId="0" animBg="1"/>
      <p:bldP spid="10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Title 1"/>
          <p:cNvSpPr>
            <a:spLocks noGrp="1"/>
          </p:cNvSpPr>
          <p:nvPr>
            <p:ph type="title"/>
          </p:nvPr>
        </p:nvSpPr>
        <p:spPr>
          <a:xfrm>
            <a:off x="1530094" y="258762"/>
            <a:ext cx="8734794" cy="579438"/>
          </a:xfrm>
        </p:spPr>
        <p:txBody>
          <a:bodyPr/>
          <a:lstStyle/>
          <a:p>
            <a:r>
              <a:rPr lang="en-US" altLang="nl-NL" sz="4000" b="0" dirty="0" smtClean="0"/>
              <a:t>Covering large detection areas: QUAD</a:t>
            </a:r>
            <a:endParaRPr lang="nl-NL" altLang="nl-NL" sz="4000" b="0" dirty="0" smtClean="0"/>
          </a:p>
        </p:txBody>
      </p:sp>
      <p:grpSp>
        <p:nvGrpSpPr>
          <p:cNvPr id="13316" name="Group 3"/>
          <p:cNvGrpSpPr>
            <a:grpSpLocks/>
          </p:cNvGrpSpPr>
          <p:nvPr/>
        </p:nvGrpSpPr>
        <p:grpSpPr bwMode="auto">
          <a:xfrm rot="5400000" flipV="1">
            <a:off x="9598115" y="3502819"/>
            <a:ext cx="3873500" cy="925513"/>
            <a:chOff x="240151" y="4763475"/>
            <a:chExt cx="8800676" cy="2105471"/>
          </a:xfrm>
        </p:grpSpPr>
        <p:pic>
          <p:nvPicPr>
            <p:cNvPr id="13327" name="Picture 2" descr="C:\Data\LepCol\Module concept\Picts\Picts 28-8-2017\20170828_075326.jp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284" t="51350" r="84790" b="36710"/>
            <a:stretch>
              <a:fillRect/>
            </a:stretch>
          </p:blipFill>
          <p:spPr bwMode="auto">
            <a:xfrm>
              <a:off x="240151" y="5001013"/>
              <a:ext cx="2171609" cy="163039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3328" name="Picture 2" descr="C:\Data\LepCol\Module concept\Picts\Picts 28-8-2017\20170828_075326.jp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61504" t="48811" r="2087" b="35770"/>
            <a:stretch>
              <a:fillRect/>
            </a:stretch>
          </p:blipFill>
          <p:spPr bwMode="auto">
            <a:xfrm>
              <a:off x="2411760" y="4763475"/>
              <a:ext cx="6629067" cy="210547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13329" name="Straight Connector 2"/>
            <p:cNvCxnSpPr>
              <a:cxnSpLocks noChangeShapeType="1"/>
            </p:cNvCxnSpPr>
            <p:nvPr/>
          </p:nvCxnSpPr>
          <p:spPr bwMode="auto">
            <a:xfrm flipH="1">
              <a:off x="2051720" y="5085184"/>
              <a:ext cx="576064" cy="1440160"/>
            </a:xfrm>
            <a:prstGeom prst="line">
              <a:avLst/>
            </a:prstGeom>
            <a:noFill/>
            <a:ln w="38100" algn="ctr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13330" name="Straight Connector 8"/>
            <p:cNvCxnSpPr>
              <a:cxnSpLocks noChangeShapeType="1"/>
            </p:cNvCxnSpPr>
            <p:nvPr/>
          </p:nvCxnSpPr>
          <p:spPr bwMode="auto">
            <a:xfrm flipH="1">
              <a:off x="2204120" y="5085184"/>
              <a:ext cx="576064" cy="1440160"/>
            </a:xfrm>
            <a:prstGeom prst="line">
              <a:avLst/>
            </a:prstGeom>
            <a:noFill/>
            <a:ln w="38100" algn="ctr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</p:grpSp>
      <p:grpSp>
        <p:nvGrpSpPr>
          <p:cNvPr id="13317" name="Group 18"/>
          <p:cNvGrpSpPr>
            <a:grpSpLocks/>
          </p:cNvGrpSpPr>
          <p:nvPr/>
        </p:nvGrpSpPr>
        <p:grpSpPr bwMode="auto">
          <a:xfrm>
            <a:off x="4244701" y="1196752"/>
            <a:ext cx="4511675" cy="5545137"/>
            <a:chOff x="1572362" y="1124744"/>
            <a:chExt cx="4511805" cy="5546101"/>
          </a:xfrm>
        </p:grpSpPr>
        <p:pic>
          <p:nvPicPr>
            <p:cNvPr id="13320" name="Picture 3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5400000">
              <a:off x="1055214" y="1641892"/>
              <a:ext cx="5546101" cy="451180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3321" name="TextBox 13"/>
            <p:cNvSpPr txBox="1">
              <a:spLocks noChangeArrowheads="1"/>
            </p:cNvSpPr>
            <p:nvPr/>
          </p:nvSpPr>
          <p:spPr bwMode="auto">
            <a:xfrm rot="-311314">
              <a:off x="2392266" y="1953233"/>
              <a:ext cx="1143262" cy="52322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/>
                <a:t>Guard</a:t>
              </a:r>
            </a:p>
          </p:txBody>
        </p:sp>
        <p:sp>
          <p:nvSpPr>
            <p:cNvPr id="13322" name="TextBox 13"/>
            <p:cNvSpPr txBox="1">
              <a:spLocks noChangeArrowheads="1"/>
            </p:cNvSpPr>
            <p:nvPr/>
          </p:nvSpPr>
          <p:spPr bwMode="auto">
            <a:xfrm rot="-311314">
              <a:off x="4260610" y="2602959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3" name="TextBox 13"/>
            <p:cNvSpPr txBox="1">
              <a:spLocks noChangeArrowheads="1"/>
            </p:cNvSpPr>
            <p:nvPr/>
          </p:nvSpPr>
          <p:spPr bwMode="auto">
            <a:xfrm rot="-311314">
              <a:off x="3377710" y="2758757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4" name="TextBox 13"/>
            <p:cNvSpPr txBox="1">
              <a:spLocks noChangeArrowheads="1"/>
            </p:cNvSpPr>
            <p:nvPr/>
          </p:nvSpPr>
          <p:spPr bwMode="auto">
            <a:xfrm rot="-311314">
              <a:off x="3239126" y="3597108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5" name="TextBox 15"/>
            <p:cNvSpPr txBox="1">
              <a:spLocks noChangeArrowheads="1"/>
            </p:cNvSpPr>
            <p:nvPr/>
          </p:nvSpPr>
          <p:spPr bwMode="auto">
            <a:xfrm rot="-311314">
              <a:off x="2384877" y="3694090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6" name="TextBox 13"/>
            <p:cNvSpPr txBox="1">
              <a:spLocks noChangeArrowheads="1"/>
            </p:cNvSpPr>
            <p:nvPr/>
          </p:nvSpPr>
          <p:spPr bwMode="auto">
            <a:xfrm rot="245295">
              <a:off x="3398863" y="4265917"/>
              <a:ext cx="1338868" cy="95427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r"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 dirty="0" err="1"/>
                <a:t>COld</a:t>
              </a:r>
              <a:endParaRPr lang="en-GB" altLang="en-US" sz="2800" b="1" i="1" dirty="0"/>
            </a:p>
            <a:p>
              <a:pPr algn="r"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 dirty="0" err="1"/>
                <a:t>CArrier</a:t>
              </a:r>
              <a:endParaRPr lang="en-GB" altLang="en-US" sz="2800" b="1" i="1" dirty="0"/>
            </a:p>
          </p:txBody>
        </p:sp>
      </p:grpSp>
      <p:sp>
        <p:nvSpPr>
          <p:cNvPr id="18" name="TextBox 13"/>
          <p:cNvSpPr txBox="1">
            <a:spLocks noChangeArrowheads="1"/>
          </p:cNvSpPr>
          <p:nvPr/>
        </p:nvSpPr>
        <p:spPr bwMode="auto">
          <a:xfrm rot="16200000">
            <a:off x="10490290" y="5179219"/>
            <a:ext cx="996950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r" eaLnBrk="1" hangingPunct="1">
              <a:spcBef>
                <a:spcPct val="0"/>
              </a:spcBef>
              <a:buClrTx/>
              <a:buSzTx/>
              <a:buFontTx/>
              <a:buNone/>
              <a:defRPr/>
            </a:pPr>
            <a:r>
              <a:rPr lang="en-GB" altLang="en-US" b="1" i="1" dirty="0">
                <a:latin typeface="+mj-lt"/>
              </a:rPr>
              <a:t>LV PS</a:t>
            </a:r>
          </a:p>
        </p:txBody>
      </p:sp>
      <p:sp>
        <p:nvSpPr>
          <p:cNvPr id="13319" name="Right Arrow 10"/>
          <p:cNvSpPr>
            <a:spLocks noChangeArrowheads="1"/>
          </p:cNvSpPr>
          <p:nvPr/>
        </p:nvSpPr>
        <p:spPr bwMode="auto">
          <a:xfrm rot="11143384">
            <a:off x="8382883" y="4129088"/>
            <a:ext cx="2509838" cy="404812"/>
          </a:xfrm>
          <a:prstGeom prst="rightArrow">
            <a:avLst>
              <a:gd name="adj1" fmla="val 50000"/>
              <a:gd name="adj2" fmla="val 49945"/>
            </a:avLst>
          </a:prstGeom>
          <a:solidFill>
            <a:schemeClr val="accent1"/>
          </a:solidFill>
          <a:ln w="12700" algn="ctr">
            <a:solidFill>
              <a:schemeClr val="tx1"/>
            </a:solidFill>
            <a:round/>
            <a:headEnd/>
            <a:tailEnd/>
          </a:ln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2" name="Rounded Rectangle 1"/>
          <p:cNvSpPr/>
          <p:nvPr/>
        </p:nvSpPr>
        <p:spPr bwMode="auto">
          <a:xfrm>
            <a:off x="709644" y="5877272"/>
            <a:ext cx="3946196" cy="432048"/>
          </a:xfrm>
          <a:prstGeom prst="roundRect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3315" name="Content Placeholder 2"/>
          <p:cNvSpPr>
            <a:spLocks noGrp="1"/>
          </p:cNvSpPr>
          <p:nvPr>
            <p:ph idx="1"/>
          </p:nvPr>
        </p:nvSpPr>
        <p:spPr>
          <a:xfrm>
            <a:off x="233390" y="980728"/>
            <a:ext cx="4422450" cy="3371850"/>
          </a:xfrm>
        </p:spPr>
        <p:txBody>
          <a:bodyPr/>
          <a:lstStyle/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Four-TimePix3 chips</a:t>
            </a:r>
          </a:p>
          <a:p>
            <a:pPr>
              <a:buFontTx/>
              <a:buBlip>
                <a:blip r:embed="rId4"/>
              </a:buBlip>
            </a:pPr>
            <a:endParaRPr lang="nl-NL" altLang="nl-NL" sz="2400" dirty="0" smtClean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All services (signal IO, LV power) are located </a:t>
            </a:r>
            <a:r>
              <a:rPr lang="nl-NL" altLang="nl-NL" sz="2400" b="1" dirty="0" smtClean="0"/>
              <a:t>under</a:t>
            </a:r>
            <a:r>
              <a:rPr lang="nl-NL" altLang="nl-NL" sz="2400" dirty="0" smtClean="0"/>
              <a:t> the detection surface</a:t>
            </a:r>
          </a:p>
          <a:p>
            <a:pPr>
              <a:buFontTx/>
              <a:buBlip>
                <a:blip r:embed="rId4"/>
              </a:buBlip>
            </a:pPr>
            <a:endParaRPr lang="nl-NL" altLang="nl-NL" sz="2400" dirty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The area for connections was squeezed to the minimum</a:t>
            </a:r>
          </a:p>
          <a:p>
            <a:pPr>
              <a:buFontTx/>
              <a:buBlip>
                <a:blip r:embed="rId4"/>
              </a:buBlip>
            </a:pPr>
            <a:endParaRPr lang="nl-NL" altLang="nl-NL" sz="2400" dirty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Detection surface can be extended by adding other QUADs at all 4 sides</a:t>
            </a:r>
          </a:p>
          <a:p>
            <a:pPr lvl="1">
              <a:buFontTx/>
              <a:buBlip>
                <a:blip r:embed="rId4"/>
              </a:buBlip>
            </a:pPr>
            <a:r>
              <a:rPr lang="nl-NL" altLang="nl-NL" sz="2200" b="1" dirty="0" smtClean="0"/>
              <a:t>=&gt; no limit on detection area</a:t>
            </a:r>
          </a:p>
        </p:txBody>
      </p:sp>
      <p:sp>
        <p:nvSpPr>
          <p:cNvPr id="20" name="Rounded Rectangle 19"/>
          <p:cNvSpPr/>
          <p:nvPr/>
        </p:nvSpPr>
        <p:spPr bwMode="auto">
          <a:xfrm>
            <a:off x="263431" y="1914868"/>
            <a:ext cx="4235367" cy="1154092"/>
          </a:xfrm>
          <a:prstGeom prst="roundRect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8444329" y="1815733"/>
            <a:ext cx="2313454" cy="461665"/>
          </a:xfrm>
          <a:prstGeom prst="rect">
            <a:avLst/>
          </a:prstGeom>
          <a:ln>
            <a:solidFill>
              <a:schemeClr val="tx1"/>
            </a:solidFill>
          </a:ln>
        </p:spPr>
        <p:txBody>
          <a:bodyPr wrap="none">
            <a:spAutoFit/>
          </a:bodyPr>
          <a:lstStyle/>
          <a:p>
            <a:r>
              <a:rPr lang="en-US" altLang="nl-NL" b="1" dirty="0" smtClean="0"/>
              <a:t>39.6 </a:t>
            </a:r>
            <a:r>
              <a:rPr lang="en-US" altLang="nl-NL" b="1" dirty="0"/>
              <a:t>x 28.38 mm</a:t>
            </a:r>
          </a:p>
        </p:txBody>
      </p:sp>
      <p:cxnSp>
        <p:nvCxnSpPr>
          <p:cNvPr id="5" name="Straight Arrow Connector 4"/>
          <p:cNvCxnSpPr/>
          <p:nvPr/>
        </p:nvCxnSpPr>
        <p:spPr bwMode="auto">
          <a:xfrm flipV="1">
            <a:off x="8368954" y="2286661"/>
            <a:ext cx="823390" cy="1070331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/>
          </a:ln>
          <a:effectLst/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Title 1"/>
          <p:cNvSpPr>
            <a:spLocks noGrp="1"/>
          </p:cNvSpPr>
          <p:nvPr>
            <p:ph type="title"/>
          </p:nvPr>
        </p:nvSpPr>
        <p:spPr>
          <a:xfrm>
            <a:off x="2207568" y="311150"/>
            <a:ext cx="7772400" cy="450850"/>
          </a:xfrm>
        </p:spPr>
        <p:txBody>
          <a:bodyPr/>
          <a:lstStyle/>
          <a:p>
            <a:r>
              <a:rPr lang="en-US" altLang="nl-NL" sz="4000" b="0" dirty="0" smtClean="0"/>
              <a:t>Assembled QUAD</a:t>
            </a:r>
            <a:endParaRPr lang="nl-NL" altLang="nl-NL" sz="4000" b="0" dirty="0" smtClean="0"/>
          </a:p>
        </p:txBody>
      </p:sp>
      <p:sp>
        <p:nvSpPr>
          <p:cNvPr id="14339" name="Content Placeholder 4"/>
          <p:cNvSpPr>
            <a:spLocks noGrp="1"/>
          </p:cNvSpPr>
          <p:nvPr>
            <p:ph idx="1"/>
          </p:nvPr>
        </p:nvSpPr>
        <p:spPr>
          <a:xfrm>
            <a:off x="939147" y="800539"/>
            <a:ext cx="8178800" cy="3371850"/>
          </a:xfrm>
        </p:spPr>
        <p:txBody>
          <a:bodyPr/>
          <a:lstStyle/>
          <a:p>
            <a:pPr>
              <a:buBlip>
                <a:blip r:embed="rId2"/>
              </a:buBlip>
            </a:pPr>
            <a:r>
              <a:rPr lang="en-US" altLang="nl-NL" sz="2400" b="1" dirty="0" smtClean="0"/>
              <a:t>QUAD </a:t>
            </a:r>
            <a:r>
              <a:rPr lang="en-US" altLang="nl-NL" sz="2400" b="1" dirty="0"/>
              <a:t>has </a:t>
            </a:r>
            <a:r>
              <a:rPr lang="en-US" altLang="nl-NL" sz="2400" b="1" dirty="0" smtClean="0"/>
              <a:t>a sensitive </a:t>
            </a:r>
            <a:r>
              <a:rPr lang="en-US" altLang="nl-NL" sz="2400" b="1" dirty="0"/>
              <a:t>area of 68.9</a:t>
            </a:r>
            <a:r>
              <a:rPr lang="en-US" altLang="nl-NL" sz="2400" b="1" dirty="0" smtClean="0"/>
              <a:t>%</a:t>
            </a:r>
            <a:endParaRPr lang="nl-NL" altLang="nl-NL" dirty="0"/>
          </a:p>
          <a:p>
            <a:pPr>
              <a:buBlip>
                <a:blip r:embed="rId2"/>
              </a:buBlip>
            </a:pPr>
            <a:endParaRPr lang="nl-NL" altLang="nl-NL" sz="2400" dirty="0" smtClean="0"/>
          </a:p>
          <a:p>
            <a:pPr>
              <a:buBlip>
                <a:blip r:embed="rId2"/>
              </a:buBlip>
            </a:pPr>
            <a:r>
              <a:rPr lang="nl-NL" altLang="nl-NL" sz="2400" dirty="0" smtClean="0"/>
              <a:t>DAQ by SPIDR</a:t>
            </a:r>
          </a:p>
          <a:p>
            <a:pPr lvl="1">
              <a:buBlip>
                <a:blip r:embed="rId2"/>
              </a:buBlip>
            </a:pPr>
            <a:r>
              <a:rPr lang="nl-NL" altLang="nl-NL" sz="2200" dirty="0" smtClean="0"/>
              <a:t>Optical link</a:t>
            </a:r>
            <a:endParaRPr lang="en-US" altLang="nl-NL" sz="2200" dirty="0" smtClean="0"/>
          </a:p>
        </p:txBody>
      </p:sp>
      <p:pic>
        <p:nvPicPr>
          <p:cNvPr id="14340" name="Content Placeholder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449" b="10733"/>
          <a:stretch>
            <a:fillRect/>
          </a:stretch>
        </p:blipFill>
        <p:spPr bwMode="auto">
          <a:xfrm>
            <a:off x="7032104" y="1304099"/>
            <a:ext cx="4695318" cy="51213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4341" name="Straight Arrow Connector 2"/>
          <p:cNvCxnSpPr>
            <a:cxnSpLocks noChangeShapeType="1"/>
          </p:cNvCxnSpPr>
          <p:nvPr/>
        </p:nvCxnSpPr>
        <p:spPr bwMode="auto">
          <a:xfrm>
            <a:off x="10704512" y="1078929"/>
            <a:ext cx="360040" cy="1846015"/>
          </a:xfrm>
          <a:prstGeom prst="straightConnector1">
            <a:avLst/>
          </a:prstGeom>
          <a:noFill/>
          <a:ln w="57150" algn="ctr">
            <a:solidFill>
              <a:schemeClr val="tx1"/>
            </a:solidFill>
            <a:round/>
            <a:headEnd/>
            <a:tailEnd type="triangle" w="med" len="med"/>
          </a:ln>
        </p:spPr>
      </p:cxnSp>
      <p:sp>
        <p:nvSpPr>
          <p:cNvPr id="14342" name="TextBox 3"/>
          <p:cNvSpPr txBox="1">
            <a:spLocks noChangeArrowheads="1"/>
          </p:cNvSpPr>
          <p:nvPr/>
        </p:nvSpPr>
        <p:spPr bwMode="auto">
          <a:xfrm>
            <a:off x="9951187" y="220469"/>
            <a:ext cx="1868488" cy="831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 err="1"/>
              <a:t>COld</a:t>
            </a:r>
            <a:r>
              <a:rPr lang="en-US" altLang="nl-NL" dirty="0"/>
              <a:t> </a:t>
            </a:r>
            <a:r>
              <a:rPr lang="en-US" altLang="nl-NL" dirty="0" err="1"/>
              <a:t>CArrier</a:t>
            </a:r>
            <a:endParaRPr lang="en-US" altLang="nl-NL" dirty="0"/>
          </a:p>
          <a:p>
            <a:r>
              <a:rPr lang="en-US" altLang="nl-NL" dirty="0"/>
              <a:t>(COCA)</a:t>
            </a:r>
            <a:endParaRPr lang="nl-NL" altLang="nl-NL" dirty="0"/>
          </a:p>
        </p:txBody>
      </p:sp>
      <p:sp>
        <p:nvSpPr>
          <p:cNvPr id="14343" name="TextBox 4"/>
          <p:cNvSpPr txBox="1">
            <a:spLocks noChangeArrowheads="1"/>
          </p:cNvSpPr>
          <p:nvPr/>
        </p:nvSpPr>
        <p:spPr bwMode="auto">
          <a:xfrm rot="18809563">
            <a:off x="8898509" y="4926239"/>
            <a:ext cx="3171825" cy="461963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Guard electrode omitted</a:t>
            </a:r>
            <a:endParaRPr lang="nl-NL" altLang="nl-NL" dirty="0"/>
          </a:p>
        </p:txBody>
      </p:sp>
      <p:pic>
        <p:nvPicPr>
          <p:cNvPr id="8" name="Pictur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792"/>
          <a:stretch>
            <a:fillRect/>
          </a:stretch>
        </p:blipFill>
        <p:spPr bwMode="auto">
          <a:xfrm>
            <a:off x="1206489" y="3611222"/>
            <a:ext cx="3035004" cy="21444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TextBox 3"/>
          <p:cNvSpPr txBox="1">
            <a:spLocks noChangeArrowheads="1"/>
          </p:cNvSpPr>
          <p:nvPr/>
        </p:nvSpPr>
        <p:spPr bwMode="auto">
          <a:xfrm>
            <a:off x="1166950" y="2950052"/>
            <a:ext cx="3310508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sz="1800" dirty="0"/>
              <a:t>QUADs </a:t>
            </a:r>
            <a:r>
              <a:rPr lang="en-US" altLang="nl-NL" sz="1800" dirty="0" smtClean="0"/>
              <a:t>being produced in series</a:t>
            </a:r>
          </a:p>
          <a:p>
            <a:r>
              <a:rPr lang="en-US" altLang="nl-NL" sz="1800" dirty="0" smtClean="0"/>
              <a:t>(14 QUADs)</a:t>
            </a:r>
            <a:endParaRPr lang="nl-NL" altLang="nl-NL" sz="1800" dirty="0"/>
          </a:p>
        </p:txBody>
      </p:sp>
      <p:sp>
        <p:nvSpPr>
          <p:cNvPr id="11" name="TextBox 3"/>
          <p:cNvSpPr txBox="1">
            <a:spLocks noChangeArrowheads="1"/>
          </p:cNvSpPr>
          <p:nvPr/>
        </p:nvSpPr>
        <p:spPr bwMode="auto">
          <a:xfrm rot="20109775">
            <a:off x="1834879" y="5131681"/>
            <a:ext cx="3647537" cy="400110"/>
          </a:xfrm>
          <a:prstGeom prst="rect">
            <a:avLst/>
          </a:prstGeom>
          <a:solidFill>
            <a:srgbClr val="FFFF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en-GB" altLang="en-US" sz="2000" b="1" dirty="0" smtClean="0"/>
              <a:t>Commercialization under study</a:t>
            </a:r>
            <a:endParaRPr lang="en-GB" altLang="en-US" sz="2000" b="1" dirty="0"/>
          </a:p>
        </p:txBody>
      </p:sp>
      <p:sp>
        <p:nvSpPr>
          <p:cNvPr id="2" name="TextBox 1"/>
          <p:cNvSpPr txBox="1"/>
          <p:nvPr/>
        </p:nvSpPr>
        <p:spPr>
          <a:xfrm>
            <a:off x="155340" y="6194653"/>
            <a:ext cx="4104456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dirty="0"/>
              <a:t>Contact us if you are </a:t>
            </a:r>
            <a:r>
              <a:rPr lang="en-US" dirty="0" smtClean="0"/>
              <a:t>interested</a:t>
            </a:r>
            <a:endParaRPr lang="en-US" dirty="0"/>
          </a:p>
        </p:txBody>
      </p:sp>
      <p:pic>
        <p:nvPicPr>
          <p:cNvPr id="13" name="Picture 12"/>
          <p:cNvPicPr>
            <a:picLocks noChangeAspect="1"/>
          </p:cNvPicPr>
          <p:nvPr/>
        </p:nvPicPr>
        <p:blipFill rotWithShape="1"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brigh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22225" b="26575"/>
          <a:stretch/>
        </p:blipFill>
        <p:spPr>
          <a:xfrm>
            <a:off x="3542266" y="1484784"/>
            <a:ext cx="3187861" cy="1224136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Como">
  <a:themeElements>
    <a:clrScheme name="">
      <a:dk1>
        <a:srgbClr val="000000"/>
      </a:dk1>
      <a:lt1>
        <a:srgbClr val="FFFFFF"/>
      </a:lt1>
      <a:dk2>
        <a:srgbClr val="000000"/>
      </a:dk2>
      <a:lt2>
        <a:srgbClr val="5E574E"/>
      </a:lt2>
      <a:accent1>
        <a:srgbClr val="FF6600"/>
      </a:accent1>
      <a:accent2>
        <a:srgbClr val="FFCC00"/>
      </a:accent2>
      <a:accent3>
        <a:srgbClr val="FFFFFF"/>
      </a:accent3>
      <a:accent4>
        <a:srgbClr val="000000"/>
      </a:accent4>
      <a:accent5>
        <a:srgbClr val="FFB8AA"/>
      </a:accent5>
      <a:accent6>
        <a:srgbClr val="E7B900"/>
      </a:accent6>
      <a:hlink>
        <a:srgbClr val="996633"/>
      </a:hlink>
      <a:folHlink>
        <a:srgbClr val="808000"/>
      </a:folHlink>
    </a:clrScheme>
    <a:fontScheme name="Como">
      <a:majorFont>
        <a:latin typeface="Times New Roman"/>
        <a:ea typeface=""/>
        <a:cs typeface=""/>
      </a:majorFont>
      <a:minorFont>
        <a:latin typeface="Times New Roman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lnDef>
  </a:objectDefaults>
  <a:extraClrSchemeLst>
    <a:extraClrScheme>
      <a:clrScheme name="Como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o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9096245</TotalTime>
  <Pages>11</Pages>
  <Words>899</Words>
  <Application>Microsoft Office PowerPoint</Application>
  <PresentationFormat>Widescreen</PresentationFormat>
  <Paragraphs>163</Paragraphs>
  <Slides>21</Slides>
  <Notes>2</Notes>
  <HiddenSlides>0</HiddenSlides>
  <MMClips>0</MMClips>
  <ScaleCrop>false</ScaleCrop>
  <HeadingPairs>
    <vt:vector size="8" baseType="variant">
      <vt:variant>
        <vt:lpstr>Fonts Used</vt:lpstr>
      </vt:variant>
      <vt:variant>
        <vt:i4>6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21</vt:i4>
      </vt:variant>
    </vt:vector>
  </HeadingPairs>
  <TitlesOfParts>
    <vt:vector size="29" baseType="lpstr">
      <vt:lpstr>Arial</vt:lpstr>
      <vt:lpstr>Arial Black</vt:lpstr>
      <vt:lpstr>Calibri</vt:lpstr>
      <vt:lpstr>Monotype Sorts</vt:lpstr>
      <vt:lpstr>Times New Roman</vt:lpstr>
      <vt:lpstr>Wingdings</vt:lpstr>
      <vt:lpstr>Como</vt:lpstr>
      <vt:lpstr>CorelDRAW</vt:lpstr>
      <vt:lpstr>QUAD and Module Building, Cooling and Electronics</vt:lpstr>
      <vt:lpstr>GridPix technology</vt:lpstr>
      <vt:lpstr>GridPix: detecting individual electrons</vt:lpstr>
      <vt:lpstr>Pixel chip: TimePix3</vt:lpstr>
      <vt:lpstr>TimePix3 equipped with InGrid</vt:lpstr>
      <vt:lpstr>Maximizing active area</vt:lpstr>
      <vt:lpstr>Getting the optimal detector size</vt:lpstr>
      <vt:lpstr>Covering large detection areas: QUAD</vt:lpstr>
      <vt:lpstr>Assembled QUAD</vt:lpstr>
      <vt:lpstr>DAQ</vt:lpstr>
      <vt:lpstr>QUAD’s tooling</vt:lpstr>
      <vt:lpstr>Chip aligment</vt:lpstr>
      <vt:lpstr>QUAD edge deformations</vt:lpstr>
      <vt:lpstr>QUAD as a building block</vt:lpstr>
      <vt:lpstr>Testbox for 2 x 4 QUADs</vt:lpstr>
      <vt:lpstr>Guard structure around the QUADs</vt:lpstr>
      <vt:lpstr>Mounting plate for 8 QUADs being assembled</vt:lpstr>
      <vt:lpstr>Testbox in assembly</vt:lpstr>
      <vt:lpstr>Conclusions</vt:lpstr>
      <vt:lpstr>Thank you for your attention</vt:lpstr>
      <vt:lpstr>BACKUP</vt:lpstr>
    </vt:vector>
  </TitlesOfParts>
  <Company>NIKHEF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TLAS upgrade activities for SLHC</dc:title>
  <dc:creator>Fred Hartjes</dc:creator>
  <cp:lastModifiedBy>Local Admin</cp:lastModifiedBy>
  <cp:revision>2221</cp:revision>
  <cp:lastPrinted>2002-02-06T08:01:21Z</cp:lastPrinted>
  <dcterms:created xsi:type="dcterms:W3CDTF">2018-12-06T15:02:15Z</dcterms:created>
  <dcterms:modified xsi:type="dcterms:W3CDTF">2019-01-07T12:05:0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Type">
    <vt:i4>1</vt:i4>
  </property>
  <property fmtid="{D5CDD505-2E9C-101B-9397-08002B2CF9AE}" pid="3" name="GraphicType">
    <vt:i4>1</vt:i4>
  </property>
  <property fmtid="{D5CDD505-2E9C-101B-9397-08002B2CF9AE}" pid="4" name="Compression">
    <vt:i4>100</vt:i4>
  </property>
  <property fmtid="{D5CDD505-2E9C-101B-9397-08002B2CF9AE}" pid="5" name="ScreenSize">
    <vt:i4>1</vt:i4>
  </property>
  <property fmtid="{D5CDD505-2E9C-101B-9397-08002B2CF9AE}" pid="6" name="ScreenUsage">
    <vt:i4>3</vt:i4>
  </property>
  <property fmtid="{D5CDD505-2E9C-101B-9397-08002B2CF9AE}" pid="7" name="MailAddress">
    <vt:lpwstr>F.Hartjes@nikhef.nl</vt:lpwstr>
  </property>
  <property fmtid="{D5CDD505-2E9C-101B-9397-08002B2CF9AE}" pid="8" name="HomePage">
    <vt:lpwstr/>
  </property>
  <property fmtid="{D5CDD505-2E9C-101B-9397-08002B2CF9AE}" pid="9" name="Other">
    <vt:lpwstr/>
  </property>
  <property fmtid="{D5CDD505-2E9C-101B-9397-08002B2CF9AE}" pid="10" name="DownloadOriginal">
    <vt:bool>false</vt:bool>
  </property>
  <property fmtid="{D5CDD505-2E9C-101B-9397-08002B2CF9AE}" pid="11" name="DownloadIEButton">
    <vt:bool>false</vt:bool>
  </property>
  <property fmtid="{D5CDD505-2E9C-101B-9397-08002B2CF9AE}" pid="12" name="UseBrowserColor">
    <vt:bool>true</vt:bool>
  </property>
  <property fmtid="{D5CDD505-2E9C-101B-9397-08002B2CF9AE}" pid="13" name="BackColor">
    <vt:i4>15132390</vt:i4>
  </property>
  <property fmtid="{D5CDD505-2E9C-101B-9397-08002B2CF9AE}" pid="14" name="TextColor">
    <vt:i4>0</vt:i4>
  </property>
  <property fmtid="{D5CDD505-2E9C-101B-9397-08002B2CF9AE}" pid="15" name="LinkColor">
    <vt:i4>16711782</vt:i4>
  </property>
  <property fmtid="{D5CDD505-2E9C-101B-9397-08002B2CF9AE}" pid="16" name="VisitedColor">
    <vt:i4>10040268</vt:i4>
  </property>
  <property fmtid="{D5CDD505-2E9C-101B-9397-08002B2CF9AE}" pid="17" name="TransparentButton">
    <vt:i4>0</vt:i4>
  </property>
  <property fmtid="{D5CDD505-2E9C-101B-9397-08002B2CF9AE}" pid="18" name="ButtonType">
    <vt:i4>1</vt:i4>
  </property>
  <property fmtid="{D5CDD505-2E9C-101B-9397-08002B2CF9AE}" pid="19" name="ShowNotes">
    <vt:bool>false</vt:bool>
  </property>
  <property fmtid="{D5CDD505-2E9C-101B-9397-08002B2CF9AE}" pid="20" name="NavBtnPos">
    <vt:i4>1</vt:i4>
  </property>
  <property fmtid="{D5CDD505-2E9C-101B-9397-08002B2CF9AE}" pid="21" name="OutputDir">
    <vt:lpwstr>\\Nikhefh\CT www\pub\techphys\diamond</vt:lpwstr>
  </property>
</Properties>
</file>